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628"/>
  <workbookPr updateLinks="never" defaultThemeVersion="124226"/>
  <mc:AlternateContent xmlns:mc="http://schemas.openxmlformats.org/markup-compatibility/2006">
    <mc:Choice Requires="x15">
      <x15ac:absPath xmlns:x15ac="http://schemas.microsoft.com/office/spreadsheetml/2010/11/ac" url="C:\Users\s253178\Downloads\"/>
    </mc:Choice>
  </mc:AlternateContent>
  <xr:revisionPtr revIDLastSave="0" documentId="13_ncr:1_{C7105181-0535-4A55-972B-ED8188555B58}" xr6:coauthVersionLast="47" xr6:coauthVersionMax="47" xr10:uidLastSave="{00000000-0000-0000-0000-000000000000}"/>
  <bookViews>
    <workbookView xWindow="-120" yWindow="-120" windowWidth="29040" windowHeight="17520" activeTab="4" xr2:uid="{00000000-000D-0000-FFFF-FFFF00000000}"/>
  </bookViews>
  <sheets>
    <sheet name="GPA" sheetId="15" r:id="rId1"/>
    <sheet name="Pre-requisites" sheetId="16" r:id="rId2"/>
    <sheet name="Other program specific courses" sheetId="17" r:id="rId3"/>
    <sheet name="Other relevant information" sheetId="18" r:id="rId4"/>
    <sheet name="SOP" sheetId="9" r:id="rId5"/>
    <sheet name="Pre-mapping" sheetId="12" state="hidden" r:id="rId6"/>
    <sheet name="English" sheetId="13" r:id="rId7"/>
    <sheet name="Countries" sheetId="7" state="hidden" r:id="rId8"/>
  </sheets>
  <externalReferences>
    <externalReference r:id="rId9"/>
    <externalReference r:id="rId10"/>
  </externalReferences>
  <definedNames>
    <definedName name="Country_search" localSheetId="6">OFFSET([1]Countries!$D$2,,,COUNTIF([1]Countries!$D$2:$D$250,"?*"))</definedName>
    <definedName name="Country_search" localSheetId="0">OFFSET([2]Countries!$D$2,,,COUNTIF([2]Countries!$D$2:$D$250,"?*"))</definedName>
    <definedName name="Country_search" localSheetId="2">OFFSET([2]Countries!$D$2,,,COUNTIF([2]Countries!$D$2:$D$250,"?*"))</definedName>
    <definedName name="Country_search" localSheetId="3">OFFSET([1]Countries!$D$2,,,COUNTIF([1]Countries!$D$2:$D$250,"?*"))</definedName>
    <definedName name="Country_search" localSheetId="1">OFFSET([2]Countries!$D$2,,,COUNTIF([2]Countries!$D$2:$D$250,"?*"))</definedName>
    <definedName name="Country_search">OFFSET(Countries!$D$2,,,COUNTIF(Countries!$D$2:$D$250,"?*"))</definedName>
    <definedName name="PASSED">#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34" i="16" l="1"/>
  <c r="E34" i="16"/>
  <c r="K33" i="16"/>
  <c r="E33" i="16"/>
  <c r="K32" i="16"/>
  <c r="E32" i="16"/>
  <c r="K31" i="16"/>
  <c r="E31" i="16"/>
  <c r="K30" i="16"/>
  <c r="E30" i="16"/>
  <c r="K29" i="16"/>
  <c r="E29" i="16"/>
  <c r="K28" i="16"/>
  <c r="E28" i="16"/>
  <c r="K27" i="16"/>
  <c r="E27" i="16"/>
  <c r="K26" i="16"/>
  <c r="E26" i="16"/>
  <c r="K25" i="16"/>
  <c r="E25" i="16"/>
  <c r="K24" i="16"/>
  <c r="E24" i="16"/>
  <c r="K23" i="16"/>
  <c r="E23" i="16"/>
  <c r="K22" i="16"/>
  <c r="E22" i="16"/>
  <c r="K21" i="16"/>
  <c r="E21" i="16"/>
  <c r="K20" i="16"/>
  <c r="E20" i="16"/>
  <c r="K19" i="16"/>
  <c r="E19" i="16"/>
  <c r="K18" i="16"/>
  <c r="E18" i="16"/>
  <c r="K17" i="16"/>
  <c r="E17" i="16"/>
  <c r="K16" i="16"/>
  <c r="E16" i="16"/>
  <c r="E31" i="9"/>
  <c r="J14" i="16"/>
  <c r="G14" i="16"/>
  <c r="H14" i="16"/>
  <c r="I14" i="16"/>
  <c r="F14" i="16"/>
  <c r="E35" i="16"/>
  <c r="E36" i="16"/>
  <c r="E37" i="16"/>
  <c r="E38" i="16"/>
  <c r="E39" i="16"/>
  <c r="E40" i="16"/>
  <c r="E41" i="16"/>
  <c r="E42" i="16"/>
  <c r="E43" i="16"/>
  <c r="E44" i="16"/>
  <c r="E45" i="16"/>
  <c r="E46" i="16"/>
  <c r="E47" i="16"/>
  <c r="E48" i="16"/>
  <c r="E49" i="16"/>
  <c r="E50" i="16"/>
  <c r="E51" i="16"/>
  <c r="E52" i="16"/>
  <c r="E53" i="16"/>
  <c r="E15" i="16"/>
  <c r="J20" i="15" a="1"/>
  <c r="J20" i="15" s="1"/>
  <c r="E14" i="16"/>
  <c r="C13" i="16"/>
  <c r="D14" i="16"/>
  <c r="B8" i="9"/>
  <c r="A3" i="16"/>
  <c r="A3" i="17"/>
  <c r="J19" i="15"/>
  <c r="L69" i="15"/>
  <c r="K69" i="16"/>
  <c r="K68" i="16"/>
  <c r="K67" i="16"/>
  <c r="K66" i="16"/>
  <c r="K65" i="16"/>
  <c r="K64" i="16"/>
  <c r="K63" i="16"/>
  <c r="K62" i="16"/>
  <c r="K61" i="16"/>
  <c r="K60" i="16"/>
  <c r="K59" i="16"/>
  <c r="K58" i="16"/>
  <c r="K57" i="16"/>
  <c r="K56" i="16"/>
  <c r="K55" i="16"/>
  <c r="K53" i="16"/>
  <c r="K52" i="16"/>
  <c r="K51" i="16"/>
  <c r="K50" i="16"/>
  <c r="K49" i="16"/>
  <c r="K48" i="16"/>
  <c r="K47" i="16"/>
  <c r="K46" i="16"/>
  <c r="K45" i="16"/>
  <c r="K44" i="16"/>
  <c r="K43" i="16"/>
  <c r="K42" i="16"/>
  <c r="K41" i="16"/>
  <c r="K40" i="16"/>
  <c r="K39" i="16"/>
  <c r="K38" i="16"/>
  <c r="K37" i="16"/>
  <c r="K36" i="16"/>
  <c r="K35" i="16"/>
  <c r="K15" i="16"/>
  <c r="J13" i="16"/>
  <c r="I13" i="16"/>
  <c r="H13" i="16"/>
  <c r="G13" i="16"/>
  <c r="F13" i="16"/>
  <c r="K14" i="16" l="1"/>
  <c r="B70" i="16" l="1"/>
  <c r="B13" i="16"/>
  <c r="K13" i="16" s="1"/>
  <c r="B191" i="15"/>
  <c r="C39" i="15"/>
  <c r="B38" i="15"/>
  <c r="B11" i="9"/>
  <c r="B10" i="9"/>
  <c r="B9" i="9"/>
  <c r="C24" i="15"/>
  <c r="C23" i="15"/>
  <c r="C22" i="15"/>
  <c r="A10" i="12" l="1"/>
  <c r="A8" i="12"/>
  <c r="A5" i="12"/>
  <c r="E14" i="9" l="1"/>
  <c r="E40" i="9"/>
  <c r="E46"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385" uniqueCount="576">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Name:</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An estimate of your Danish GPA (linear conversion to the danish grading system)</t>
  </si>
  <si>
    <t>GPA for courses of prerequisites (your home university grading scale)</t>
  </si>
  <si>
    <t>GPA:</t>
  </si>
  <si>
    <t>Full name of the applicant</t>
  </si>
  <si>
    <t>Country of your university</t>
  </si>
  <si>
    <t>State your future academic goals and how your study at DTU will help you achieve these (max. 1000 characters): *</t>
  </si>
  <si>
    <t>Countries</t>
  </si>
  <si>
    <t xml:space="preserve">Find Courses at: </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t>How do you fulfil the academic requirements  
Mention the Course/subject name and number from your academic transcript
(minimum academic level has to be bachelors)</t>
  </si>
  <si>
    <t xml:space="preserve">Engineering Mathematics, Statistics and Probability: </t>
  </si>
  <si>
    <t xml:space="preserve">Linear algebra (Vectors, Matrices, Eigenvalues, …) </t>
  </si>
  <si>
    <t>First and Second Order Differential equations (Ordinary &amp; partial)</t>
  </si>
  <si>
    <t xml:space="preserve">nth Order Differential equations (Transfer Function, Homogeneous, Linear, Inhomogeneous, Stability, ...) </t>
  </si>
  <si>
    <t xml:space="preserve">Series (Convergence of Infinite, Approximation, Fourier, ...) </t>
  </si>
  <si>
    <t xml:space="preserve">Discrete Mathematics (Boolean Expressions, Sets, Logic, Canonical Forms, Proof, Induction, Recursion, ...) </t>
  </si>
  <si>
    <t xml:space="preserve">Statistics and Probability 
(Distributions, Model Parameters, Confidence Intervals, Regression Analysis,…) </t>
  </si>
  <si>
    <t xml:space="preserve">Software Engineering and Programming: </t>
  </si>
  <si>
    <t xml:space="preserve">Programming (Imperative, Object Oriented, Functional, Design Patterns, Run-Time Analysis, Language Syntax, Program Structures, ...) </t>
  </si>
  <si>
    <t xml:space="preserve">Algorithms and Data Structures (Algorithmic Descriptions, Correctness, Asymptotic Notation, Stacks, Queues, Lists, Hash Tables, ..) </t>
  </si>
  <si>
    <t xml:space="preserve">Software Engineering 
(Requirements, System Design, Design Patterns, UML, Testing, Project Phases, ...) </t>
  </si>
  <si>
    <t xml:space="preserve">Numerical Algorithms and Mathematical Computation 
(Iteration, Convergence, Efficiency, Accuracy, Truncation and Rounding, Interpolation, Numerical Integration, Matlab, Data Preparation...)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Credits</t>
  </si>
  <si>
    <t>Comments</t>
  </si>
  <si>
    <t>Ongoing Credits Total:</t>
  </si>
  <si>
    <t>Pass/Fail Credits Total:</t>
  </si>
  <si>
    <t>I fulfill the English requirements, without the need for an English test:</t>
  </si>
  <si>
    <t>Human-Centered Artifical Intelligence</t>
  </si>
  <si>
    <t>Bachelor of Natural Science</t>
  </si>
  <si>
    <t>Bachelor of Engineering</t>
  </si>
  <si>
    <t>Bachelor of Science in Engineering</t>
  </si>
  <si>
    <t>Bachelor of Arts with a specialization in Engineering or Natural Science</t>
  </si>
  <si>
    <t>Other</t>
  </si>
  <si>
    <t>Type of Bachelor's degree:</t>
  </si>
  <si>
    <t>Comments (if any)</t>
  </si>
  <si>
    <t>Ongoing Courses</t>
  </si>
  <si>
    <t>Credits (BSc)</t>
  </si>
  <si>
    <t>Local Grade (Bsc)</t>
  </si>
  <si>
    <t>Credit estimation for relevant topic</t>
  </si>
  <si>
    <t>Grade estimation for relevant topic</t>
  </si>
  <si>
    <t>Non-numerically graded courses OR Pass/fail courses</t>
  </si>
  <si>
    <t>Write name of course no. 1</t>
  </si>
  <si>
    <t>Write name of course no. 2</t>
  </si>
  <si>
    <t>Write name of course no. 3</t>
  </si>
  <si>
    <t>Write name of course no. 4</t>
  </si>
  <si>
    <t>Write name of course no. 5</t>
  </si>
  <si>
    <t>Write name of course no. 6</t>
  </si>
  <si>
    <t>Write name of course no. 7</t>
  </si>
  <si>
    <t>Write name of course no. 8</t>
  </si>
  <si>
    <t>Write name of course no. 9</t>
  </si>
  <si>
    <t>Write name of course no. 10</t>
  </si>
  <si>
    <t>Write name of course no. 11</t>
  </si>
  <si>
    <t>Write name of course no. 12</t>
  </si>
  <si>
    <t>Write name of course no. 13</t>
  </si>
  <si>
    <t>Write name of course no. 14</t>
  </si>
  <si>
    <t>Write name of course no. 15</t>
  </si>
  <si>
    <t>Write name of course no. 16</t>
  </si>
  <si>
    <t>Write name of course no. 17</t>
  </si>
  <si>
    <t>Write name of course no. 18</t>
  </si>
  <si>
    <t>Write name of course no. 19</t>
  </si>
  <si>
    <t>Write name of course no. 20</t>
  </si>
  <si>
    <t>Step 1 - Information about you:</t>
  </si>
  <si>
    <t>Pass/Fail</t>
  </si>
  <si>
    <t>Numbers</t>
  </si>
  <si>
    <t>Step 2 -  Information on your Bachelor degree:</t>
  </si>
  <si>
    <t>Letters</t>
  </si>
  <si>
    <t>Select an option below:</t>
  </si>
  <si>
    <t>Have you had a DTU student number previously?</t>
  </si>
  <si>
    <t>Step 3 - Information on grade/score/mark scale at your home university:</t>
  </si>
  <si>
    <t>Are your grades/marks/scores numbers or letters or pass/fail?</t>
  </si>
  <si>
    <t>Select an option</t>
  </si>
  <si>
    <t>What is the minimum classification in your university?</t>
  </si>
  <si>
    <t>How much do you need to pass a course in your university?</t>
  </si>
  <si>
    <t>What is the best possible classification in your university?</t>
  </si>
  <si>
    <t>Be careful! You might need to fill more than 1 table!</t>
  </si>
  <si>
    <t xml:space="preserve">Mandatory field - Pre-Mapping </t>
  </si>
  <si>
    <t>Is the website about the course in English?</t>
  </si>
  <si>
    <r>
      <t xml:space="preserve">Specific course description links (if availabe in EN)
</t>
    </r>
    <r>
      <rPr>
        <b/>
        <i/>
        <u/>
        <sz val="9"/>
        <color theme="1"/>
        <rFont val="Cambria"/>
        <family val="1"/>
        <scheme val="major"/>
      </rPr>
      <t>only use if the course falls into the categories mentioned</t>
    </r>
  </si>
  <si>
    <t>Write the name of course no. 1</t>
  </si>
  <si>
    <t>Write the name of course no. 2</t>
  </si>
  <si>
    <t>Write the name of course no. 3</t>
  </si>
  <si>
    <t>Write the name of course no. 4</t>
  </si>
  <si>
    <t>Write the name of course no. 5</t>
  </si>
  <si>
    <t>Write the name of course no. 6</t>
  </si>
  <si>
    <t>Write the name of course no. 7</t>
  </si>
  <si>
    <t>Write the name of course no. 8</t>
  </si>
  <si>
    <t>Write the name of course no. 9</t>
  </si>
  <si>
    <t>Write the name of course no. 10</t>
  </si>
  <si>
    <t>Write the name of course no. 11</t>
  </si>
  <si>
    <t>Write the name of course no. 12</t>
  </si>
  <si>
    <t>Write the name of course no. 13</t>
  </si>
  <si>
    <t>Write the name of course no. 14</t>
  </si>
  <si>
    <t>Write the name of course no. 15</t>
  </si>
  <si>
    <t>Write the name of course no. 16</t>
  </si>
  <si>
    <t>Write the name of course no. 17</t>
  </si>
  <si>
    <t>Write the name of course no. 18</t>
  </si>
  <si>
    <t>Write the name of course no. 19</t>
  </si>
  <si>
    <t>Write the name of course no. 20</t>
  </si>
  <si>
    <t>Write the name of course no. 21</t>
  </si>
  <si>
    <t>Write the name of course no. 22</t>
  </si>
  <si>
    <t>Write the name of course no. 23</t>
  </si>
  <si>
    <t>Write the name of course no. 24</t>
  </si>
  <si>
    <t>Write the name of course no. 25</t>
  </si>
  <si>
    <t>Write the name of course no. 26</t>
  </si>
  <si>
    <t>Write the name of course no. 27</t>
  </si>
  <si>
    <t>Write the name of course no. 28</t>
  </si>
  <si>
    <t>Write the name of course no. 29</t>
  </si>
  <si>
    <t>Write the name of course no. 30</t>
  </si>
  <si>
    <t>Write the name of course no. 31</t>
  </si>
  <si>
    <t>Write the name of course no. 32</t>
  </si>
  <si>
    <t>Write the name of course no. 33</t>
  </si>
  <si>
    <t>Write the name of course no. 34</t>
  </si>
  <si>
    <t>Write the name of course no. 35</t>
  </si>
  <si>
    <t>Write the name of course no. 36</t>
  </si>
  <si>
    <t>Write the name of course no. 37</t>
  </si>
  <si>
    <t>Write the name of course no. 38</t>
  </si>
  <si>
    <t>Write the name of course no. 39</t>
  </si>
  <si>
    <t>Write the name of course no. 40</t>
  </si>
  <si>
    <t>Write the name of course no. 41</t>
  </si>
  <si>
    <t>Write the name of course no. 42</t>
  </si>
  <si>
    <t>Write the name of course no. 43</t>
  </si>
  <si>
    <t>Write the name of course no. 44</t>
  </si>
  <si>
    <t>Write the name of course no. 45</t>
  </si>
  <si>
    <t>Write the name of course no. 46</t>
  </si>
  <si>
    <t>Write the name of course no. 47</t>
  </si>
  <si>
    <t>Write the name of course no. 48</t>
  </si>
  <si>
    <t>Write the name of course no. 49</t>
  </si>
  <si>
    <t>Write the name of course no. 50</t>
  </si>
  <si>
    <t>Write the name of course no. 51</t>
  </si>
  <si>
    <t>Write the name of course no. 52</t>
  </si>
  <si>
    <t>Write the name of course no. 53</t>
  </si>
  <si>
    <t>Write the name of course no. 54</t>
  </si>
  <si>
    <t>Write the name of course no. 55</t>
  </si>
  <si>
    <t>Write the name of course no. 56</t>
  </si>
  <si>
    <t>Write the name of course no. 57</t>
  </si>
  <si>
    <t>Write the name of course no. 58</t>
  </si>
  <si>
    <t>Write the name of course no. 59</t>
  </si>
  <si>
    <t>Write the name of course no. 60</t>
  </si>
  <si>
    <t>Write the name of course no. 61</t>
  </si>
  <si>
    <t>Write the name of course no. 62</t>
  </si>
  <si>
    <t>Write the name of course no. 63</t>
  </si>
  <si>
    <t>Write the name of course no. 64</t>
  </si>
  <si>
    <t>Write the name of course no. 65</t>
  </si>
  <si>
    <t>Write the name of course no. 66</t>
  </si>
  <si>
    <t>Write the name of course no. 67</t>
  </si>
  <si>
    <t>Write the name of course no. 68</t>
  </si>
  <si>
    <t>Write the name of course no. 69</t>
  </si>
  <si>
    <t>Write the name of course no. 70</t>
  </si>
  <si>
    <t>Write the name of course no. 71</t>
  </si>
  <si>
    <t>Write the name of course no. 72</t>
  </si>
  <si>
    <t>Write the name of course no. 73</t>
  </si>
  <si>
    <t>Write the name of course no. 74</t>
  </si>
  <si>
    <t>Write the name of course no. 75</t>
  </si>
  <si>
    <t>Write the name of course no. 76</t>
  </si>
  <si>
    <t>Write the name of course no. 77</t>
  </si>
  <si>
    <t>Write the name of course no. 78</t>
  </si>
  <si>
    <t>Write the name of course no. 79</t>
  </si>
  <si>
    <t>Write the name of course no. 80</t>
  </si>
  <si>
    <t>Write the name of course no. 81</t>
  </si>
  <si>
    <t>Write the name of course no. 82</t>
  </si>
  <si>
    <t>Write the name of course no. 83</t>
  </si>
  <si>
    <t>Write the name of course no. 84</t>
  </si>
  <si>
    <t>Write the name of course no. 85</t>
  </si>
  <si>
    <t>Write the name of course no. 86</t>
  </si>
  <si>
    <t>Write the name of course no. 87</t>
  </si>
  <si>
    <t>Write the name of course no. 88</t>
  </si>
  <si>
    <t>Write the name of course no. 89</t>
  </si>
  <si>
    <t>Write the name of course no. 90</t>
  </si>
  <si>
    <t>Write the name of course no. 91</t>
  </si>
  <si>
    <t>Write the name of course no. 92</t>
  </si>
  <si>
    <t>Write the name of course no. 93</t>
  </si>
  <si>
    <t>Write the name of course no. 94</t>
  </si>
  <si>
    <t>Write the name of course no. 95</t>
  </si>
  <si>
    <t>Write the name of course no. 96</t>
  </si>
  <si>
    <t>Write the name of course no. 97</t>
  </si>
  <si>
    <t>Write the name of course no. 98</t>
  </si>
  <si>
    <t>Write the name of course no. 99</t>
  </si>
  <si>
    <t>Write the name of course no. 100</t>
  </si>
  <si>
    <t>Write name of course no. 21</t>
  </si>
  <si>
    <t>Write name of course no. 22</t>
  </si>
  <si>
    <t>Write name of course no. 23</t>
  </si>
  <si>
    <t>Write name of course no. 24</t>
  </si>
  <si>
    <t>Write name of course no. 25</t>
  </si>
  <si>
    <t>Write name of course no. 26</t>
  </si>
  <si>
    <t>Write name of course no. 27</t>
  </si>
  <si>
    <t>Write name of course no. 28</t>
  </si>
  <si>
    <t>Write name of course no. 29</t>
  </si>
  <si>
    <t>Write name of course no. 30</t>
  </si>
  <si>
    <t>Write name of course no. 31</t>
  </si>
  <si>
    <t>Write name of course no. 32</t>
  </si>
  <si>
    <t>Write name of course no. 33</t>
  </si>
  <si>
    <t>Write name of course no. 34</t>
  </si>
  <si>
    <t>Write name of course no. 35</t>
  </si>
  <si>
    <t>Write name of course no. 36</t>
  </si>
  <si>
    <t>Write name of course no. 37</t>
  </si>
  <si>
    <t>Write name of course no. 38</t>
  </si>
  <si>
    <t>Write name of course no. 39</t>
  </si>
  <si>
    <t>Write name of course no. 40</t>
  </si>
  <si>
    <t>Write name of course no. 41</t>
  </si>
  <si>
    <t>Write name of course no. 42</t>
  </si>
  <si>
    <t>Write name of course no. 43</t>
  </si>
  <si>
    <t>Write name of course no. 44</t>
  </si>
  <si>
    <t>Write name of course no. 45</t>
  </si>
  <si>
    <t>Write name of course no. 46</t>
  </si>
  <si>
    <t>Write name of course no. 47</t>
  </si>
  <si>
    <t>Write name of course no. 48</t>
  </si>
  <si>
    <t>Write name of course no. 49</t>
  </si>
  <si>
    <t>Write name of course no. 50</t>
  </si>
  <si>
    <t>Student number:</t>
  </si>
  <si>
    <r>
      <t>GPA</t>
    </r>
    <r>
      <rPr>
        <b/>
        <i/>
        <vertAlign val="subscript"/>
        <sz val="14"/>
        <color theme="1"/>
        <rFont val="Cambria"/>
        <family val="1"/>
        <scheme val="major"/>
      </rPr>
      <t>100%</t>
    </r>
    <r>
      <rPr>
        <b/>
        <i/>
        <sz val="14"/>
        <color theme="1"/>
        <rFont val="Cambria"/>
        <family val="1"/>
        <scheme val="major"/>
      </rPr>
      <t>:</t>
    </r>
  </si>
  <si>
    <t xml:space="preserve">Make sure GPA shows a valid number. 
If not, check if you filled all the cells correctly. </t>
  </si>
  <si>
    <t xml:space="preserve">Select an option below </t>
  </si>
  <si>
    <t>Grade
100% scale</t>
  </si>
  <si>
    <t>Other relevant information</t>
  </si>
  <si>
    <t>Signs of academic excellence</t>
  </si>
  <si>
    <t>Do you have any Research experience/ Publications/ Awards ?</t>
  </si>
  <si>
    <t>Study related work</t>
  </si>
  <si>
    <t>Do you have a study-related job?
(OR Have you had)
(e.g.: Industry working experience/ Internships/ Projects within Industry)</t>
  </si>
  <si>
    <t>GRE</t>
  </si>
  <si>
    <t>Have you taken a GRE ?</t>
  </si>
  <si>
    <t>List all the relevant infromation about your academic excellence
(Write like:   Year    |   Category (Research exp, award,etc.)   |  Description)</t>
  </si>
  <si>
    <t>- In the rows below, course name, credits and grades should be provided in accordance with your transcript.
- In the 'Specific course description link' column, insert the official course description links for the courses from your home university that fall into at least one of the subjects, if written in English. If an English course description is not available, please upload a PDF.
- Be sure to input only numerical values and use a dot (or comma depending on your computer settings) to separate the decimals.
- Enter all completed courses from your BSc studies. Any Pass/Fail courses should be provided in the designated table below this table. In case you have not finished your BSc programme yet, provide the ongoing courses in the designated table.</t>
  </si>
  <si>
    <t xml:space="preserve">Numerically graded courses </t>
  </si>
  <si>
    <t>Subject area</t>
  </si>
  <si>
    <t>Course title(s)</t>
  </si>
  <si>
    <t>Grade</t>
  </si>
  <si>
    <t>List all the relevant infromation about your academic excellence. Make sure to upload the GRE to DANS.
(Write like:   Year    |   Result  )</t>
  </si>
  <si>
    <t>Mandatory field - Programme-specific relevant courses</t>
  </si>
  <si>
    <t>Mandatory field - Other relevant courses</t>
  </si>
  <si>
    <t>List all the relevant infromation about your academic excellence
(Write like:   Year and duration   |   Category (Internship, Project, etc.)   |  Description)</t>
  </si>
  <si>
    <t>Statement of Purpose</t>
  </si>
  <si>
    <r>
      <t xml:space="preserve">It is mandatory to submit a statement of purpose and it is a key document in the decision making process. It is therefore extremely important that you give considerable thought towards preparing the SOP. 
Be as concise and clear as possible.  
</t>
    </r>
    <r>
      <rPr>
        <b/>
        <sz val="12"/>
        <color theme="1"/>
        <rFont val="Cambria"/>
        <family val="1"/>
        <scheme val="major"/>
      </rPr>
      <t xml:space="preserve">No separate SOP files will be considered. </t>
    </r>
    <r>
      <rPr>
        <sz val="12"/>
        <color theme="1"/>
        <rFont val="Cambria"/>
        <family val="1"/>
        <scheme val="major"/>
      </rPr>
      <t xml:space="preserve">If you are applying for more than one programmes, prepare a SOP for each template.
Below you will find a form where you must fill in the relevant information. </t>
    </r>
    <r>
      <rPr>
        <i/>
        <sz val="12"/>
        <color rgb="FFFF0000"/>
        <rFont val="Cambria"/>
        <family val="1"/>
        <scheme val="major"/>
      </rPr>
      <t>Fields marked with (</t>
    </r>
    <r>
      <rPr>
        <i/>
        <sz val="12"/>
        <rFont val="Cambria"/>
        <family val="1"/>
        <scheme val="major"/>
      </rPr>
      <t>*</t>
    </r>
    <r>
      <rPr>
        <i/>
        <sz val="12"/>
        <color rgb="FFFF0000"/>
        <rFont val="Cambria"/>
        <family val="1"/>
        <scheme val="major"/>
      </rPr>
      <t>), are mandatory and must be filled.</t>
    </r>
  </si>
  <si>
    <r>
      <t xml:space="preserve">- This Excel workbook contains 6 sheets ("GPA", "Pre-requisites", "Other program specific courses ", "Other relevant information", "SOP" and "English"). The whole workbook has to be uploaded with your application as a single file, in excel format (*.xlsx).
- This workbook is used only as a part of the full assessment of your qualifications and the people evaluating your data have a good understanding of the pitfalls when translating between different grading systems.
- After entering all your courses, if everything has been done correctly, the "GPA" field should calculate the corresponding estimations automatically. If not, please review all the data you have entered for errors. In case of problems, please contact: mscadmissions@adm.dtu.dk
- If you want to know more about the cells, you can select them to read more about them.
</t>
    </r>
    <r>
      <rPr>
        <b/>
        <sz val="11"/>
        <rFont val="Cambria"/>
        <family val="1"/>
        <scheme val="major"/>
      </rPr>
      <t>- This sheet should be filled with Microsoft Excel. Other editors may tamper with the formating.</t>
    </r>
  </si>
  <si>
    <r>
      <t xml:space="preserve">Test Reference Number (TRF): </t>
    </r>
    <r>
      <rPr>
        <sz val="8"/>
        <color rgb="FFFF0000"/>
        <rFont val="Cambria"/>
        <family val="1"/>
        <scheme val="major"/>
      </rPr>
      <t xml:space="preserve"> </t>
    </r>
    <r>
      <rPr>
        <sz val="8"/>
        <color rgb="FFC00000"/>
        <rFont val="Cambria"/>
        <family val="1"/>
        <scheme val="major"/>
      </rPr>
      <t>*no spaces</t>
    </r>
  </si>
  <si>
    <t xml:space="preserve">              Pre-Mapping for the MSc programme in Sustainable Energy Systems</t>
  </si>
  <si>
    <r>
      <rPr>
        <sz val="11"/>
        <rFont val="Cambria"/>
        <family val="1"/>
        <scheme val="major"/>
      </rPr>
      <t>Mathematics 1</t>
    </r>
    <r>
      <rPr>
        <u/>
        <sz val="11"/>
        <color theme="10"/>
        <rFont val="Cambria"/>
        <family val="1"/>
        <scheme val="major"/>
      </rPr>
      <t xml:space="preserve"> 01003 </t>
    </r>
  </si>
  <si>
    <r>
      <rPr>
        <sz val="11"/>
        <rFont val="Cambria"/>
        <family val="1"/>
        <scheme val="major"/>
      </rPr>
      <t xml:space="preserve">Statistics </t>
    </r>
    <r>
      <rPr>
        <u/>
        <sz val="11"/>
        <color theme="10"/>
        <rFont val="Cambria"/>
        <family val="1"/>
        <scheme val="major"/>
      </rPr>
      <t>02402</t>
    </r>
  </si>
  <si>
    <r>
      <rPr>
        <sz val="11"/>
        <rFont val="Cambria"/>
        <family val="1"/>
        <scheme val="major"/>
      </rPr>
      <t xml:space="preserve">Computer Programming </t>
    </r>
    <r>
      <rPr>
        <u/>
        <sz val="11"/>
        <color theme="10"/>
        <rFont val="Cambria"/>
        <family val="1"/>
        <scheme val="major"/>
      </rPr>
      <t>02003</t>
    </r>
  </si>
  <si>
    <r>
      <rPr>
        <sz val="11"/>
        <rFont val="Cambria"/>
        <family val="1"/>
        <scheme val="major"/>
      </rPr>
      <t xml:space="preserve">Mathematics b </t>
    </r>
    <r>
      <rPr>
        <u/>
        <sz val="11"/>
        <color theme="10"/>
        <rFont val="Cambria"/>
        <family val="1"/>
        <scheme val="major"/>
      </rPr>
      <t>01004</t>
    </r>
  </si>
  <si>
    <r>
      <rPr>
        <sz val="11"/>
        <rFont val="Cambria"/>
        <family val="1"/>
        <scheme val="major"/>
      </rPr>
      <t xml:space="preserve">Physics </t>
    </r>
    <r>
      <rPr>
        <u/>
        <sz val="11"/>
        <color theme="10"/>
        <rFont val="Cambria"/>
        <family val="1"/>
        <scheme val="major"/>
      </rPr>
      <t>10063</t>
    </r>
  </si>
  <si>
    <t>Power and energy systems</t>
  </si>
  <si>
    <t xml:space="preserve">Operations research and mathematical modelling </t>
  </si>
  <si>
    <t>Introduction to data science and machine learning</t>
  </si>
  <si>
    <t xml:space="preserve">Energy technologies and policy </t>
  </si>
  <si>
    <t xml:space="preserve">Economics </t>
  </si>
  <si>
    <t xml:space="preserve">Digital energy society </t>
  </si>
  <si>
    <t>Building physics, services, and installations</t>
  </si>
  <si>
    <t xml:space="preserve">Thermodynamics </t>
  </si>
  <si>
    <t>Architectural sciences</t>
  </si>
  <si>
    <t>Converted credits to ECTS</t>
  </si>
  <si>
    <t>Credits
Local</t>
  </si>
  <si>
    <t>Credits
ECTS</t>
  </si>
  <si>
    <r>
      <rPr>
        <b/>
        <sz val="11"/>
        <rFont val="Cambria"/>
        <family val="1"/>
        <scheme val="major"/>
      </rPr>
      <t xml:space="preserve">- In the rows below, course name, credits and grades should be provided for other courses you took that fall under the multiple categories.
</t>
    </r>
    <r>
      <rPr>
        <sz val="11"/>
        <rFont val="Cambria"/>
        <family val="1"/>
        <scheme val="major"/>
      </rPr>
      <t xml:space="preserve">- Positive assessment will be given to applicants having academic knowledge in the courses below.
You are supposed to select some of the courses you typped in the first sheet. The head of studies will look at the courses you took that compliment the requiremets for the MSc programme.
</t>
    </r>
  </si>
  <si>
    <r>
      <rPr>
        <sz val="12"/>
        <color theme="1"/>
        <rFont val="Cambria"/>
        <family val="1"/>
        <scheme val="major"/>
      </rPr>
      <t>-In this sheet you are supposed to provide other relevant information about your background</t>
    </r>
    <r>
      <rPr>
        <b/>
        <sz val="12"/>
        <color theme="1"/>
        <rFont val="Cambria"/>
        <family val="1"/>
        <scheme val="major"/>
      </rPr>
      <t xml:space="preserve">
- FOR THE INFORMATION ON "</t>
    </r>
    <r>
      <rPr>
        <b/>
        <i/>
        <sz val="12"/>
        <color theme="1"/>
        <rFont val="Cambria"/>
        <family val="1"/>
        <scheme val="major"/>
      </rPr>
      <t>Signs of academic excellence</t>
    </r>
    <r>
      <rPr>
        <b/>
        <sz val="12"/>
        <color theme="1"/>
        <rFont val="Cambria"/>
        <family val="1"/>
        <scheme val="major"/>
      </rPr>
      <t>" AND "</t>
    </r>
    <r>
      <rPr>
        <b/>
        <i/>
        <sz val="12"/>
        <color theme="1"/>
        <rFont val="Cambria"/>
        <family val="1"/>
        <scheme val="major"/>
      </rPr>
      <t>Study related work</t>
    </r>
    <r>
      <rPr>
        <b/>
        <sz val="12"/>
        <color theme="1"/>
        <rFont val="Cambria"/>
        <family val="1"/>
        <scheme val="major"/>
      </rPr>
      <t>", THE MINIMUM LEVEL REQUIRED IS BACHELOR
- If you say Yes to the categories below, then submit the relevant documents in the application</t>
    </r>
  </si>
  <si>
    <r>
      <t xml:space="preserve">Convert total amount of local credit to ECTS:
Check for more information about conversion </t>
    </r>
    <r>
      <rPr>
        <b/>
        <sz val="11"/>
        <color theme="1"/>
        <rFont val="Cambria"/>
        <family val="1"/>
        <scheme val="major"/>
      </rPr>
      <t>here</t>
    </r>
  </si>
  <si>
    <r>
      <rPr>
        <b/>
        <sz val="11"/>
        <rFont val="Cambria"/>
        <family val="1"/>
        <scheme val="major"/>
      </rPr>
      <t xml:space="preserve">- In the rows below, course name, credits and grades should be provided for the courses you took and match the topics highlighted in the table
</t>
    </r>
    <r>
      <rPr>
        <sz val="11"/>
        <rFont val="Cambria"/>
        <family val="1"/>
        <scheme val="major"/>
      </rPr>
      <t xml:space="preserve">You are supposed to select some of the courses you typed in the previous sheet. The head of studies will look at the courses you took that fulfill the requiremets for the MSc programme.
- The subject columns should be filled in providing a rough estimate of the course content in percentage. Only include major course contributions greater than or equal to 30% and only contributions where the subject(s) is being taught as distinguished from merely being used. 
- Be sure to input only numerical values and use a dot (or comma depending on your computer settings) to separate the decimals.
</t>
    </r>
  </si>
  <si>
    <t xml:space="preserve">Environmental science and climate policy </t>
  </si>
  <si>
    <t>Indicate which specializations you plan to follow:</t>
  </si>
  <si>
    <t xml:space="preserve">Choose one of the following 4 options:
(1) Digital Energy Systems,
(2) Energy Systems Analysis, </t>
  </si>
  <si>
    <t>(3) Energy-efficient Building Systems,
(4) No specialization (you will design your own study line)</t>
  </si>
  <si>
    <t>Find more information at:</t>
  </si>
  <si>
    <t>https://www.dtu.dk/english/education/graduate/msc-programmes/sustainable-energy-systems/specializa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 #,##0.00_-;_-* &quot;-&quot;??_-;_-@_-"/>
    <numFmt numFmtId="164" formatCode="0.0"/>
    <numFmt numFmtId="165" formatCode="0;\-0;;@"/>
    <numFmt numFmtId="166" formatCode="0&quot;%&quot;\ "/>
  </numFmts>
  <fonts count="68">
    <font>
      <sz val="11"/>
      <color theme="1"/>
      <name val="Calibri"/>
      <family val="2"/>
      <scheme val="minor"/>
    </font>
    <font>
      <b/>
      <sz val="11"/>
      <color theme="1"/>
      <name val="Calibri"/>
      <family val="2"/>
      <scheme val="minor"/>
    </font>
    <font>
      <b/>
      <sz val="11"/>
      <color rgb="FFFA7D00"/>
      <name val="Calibri"/>
      <family val="2"/>
      <scheme val="minor"/>
    </font>
    <font>
      <b/>
      <i/>
      <sz val="11"/>
      <color rgb="FF3F3F76"/>
      <name val="Calibri"/>
      <family val="2"/>
      <scheme val="minor"/>
    </font>
    <font>
      <u/>
      <sz val="11"/>
      <color theme="10"/>
      <name val="Calibri"/>
      <family val="2"/>
      <scheme val="minor"/>
    </font>
    <font>
      <sz val="18"/>
      <color theme="1"/>
      <name val="Calibri"/>
      <family val="2"/>
      <scheme val="minor"/>
    </font>
    <font>
      <sz val="22"/>
      <color theme="1"/>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9"/>
      <color theme="1"/>
      <name val="Calibri"/>
      <family val="2"/>
      <scheme val="minor"/>
    </font>
    <font>
      <b/>
      <sz val="8"/>
      <color theme="1"/>
      <name val="Calibri"/>
      <family val="2"/>
      <scheme val="minor"/>
    </font>
    <font>
      <sz val="11"/>
      <color theme="1"/>
      <name val="Calibri"/>
      <family val="2"/>
      <scheme val="minor"/>
    </font>
    <font>
      <sz val="11"/>
      <color theme="0"/>
      <name val="Calibri"/>
      <family val="2"/>
      <scheme val="minor"/>
    </font>
    <font>
      <sz val="11"/>
      <color theme="1"/>
      <name val="Cambria"/>
      <family val="1"/>
      <scheme val="major"/>
    </font>
    <font>
      <sz val="11"/>
      <color theme="0"/>
      <name val="Cambria"/>
      <family val="1"/>
      <scheme val="major"/>
    </font>
    <font>
      <sz val="20"/>
      <color theme="1"/>
      <name val="Cambria"/>
      <family val="1"/>
      <scheme val="major"/>
    </font>
    <font>
      <sz val="22"/>
      <color theme="1"/>
      <name val="Cambria"/>
      <family val="1"/>
      <scheme val="major"/>
    </font>
    <font>
      <sz val="11"/>
      <name val="Cambria"/>
      <family val="1"/>
      <scheme val="major"/>
    </font>
    <font>
      <b/>
      <sz val="11"/>
      <name val="Cambria"/>
      <family val="1"/>
      <scheme val="major"/>
    </font>
    <font>
      <b/>
      <i/>
      <sz val="11"/>
      <color theme="1"/>
      <name val="Cambria"/>
      <family val="1"/>
      <scheme val="major"/>
    </font>
    <font>
      <i/>
      <sz val="12"/>
      <color theme="1"/>
      <name val="Cambria"/>
      <family val="1"/>
      <scheme val="major"/>
    </font>
    <font>
      <b/>
      <i/>
      <sz val="11"/>
      <color rgb="FF3F3F76"/>
      <name val="Cambria"/>
      <family val="1"/>
      <scheme val="major"/>
    </font>
    <font>
      <i/>
      <sz val="9"/>
      <color rgb="FFFF0000"/>
      <name val="Cambria"/>
      <family val="1"/>
      <scheme val="major"/>
    </font>
    <font>
      <sz val="11"/>
      <color rgb="FFFF0000"/>
      <name val="Cambria"/>
      <family val="1"/>
      <scheme val="major"/>
    </font>
    <font>
      <b/>
      <sz val="11"/>
      <color theme="1"/>
      <name val="Cambria"/>
      <family val="1"/>
      <scheme val="major"/>
    </font>
    <font>
      <b/>
      <i/>
      <sz val="14"/>
      <color theme="1"/>
      <name val="Cambria"/>
      <family val="1"/>
      <scheme val="major"/>
    </font>
    <font>
      <b/>
      <sz val="14"/>
      <name val="Cambria"/>
      <family val="1"/>
      <scheme val="major"/>
    </font>
    <font>
      <b/>
      <sz val="10"/>
      <color rgb="FFFF0000"/>
      <name val="Cambria"/>
      <family val="1"/>
      <scheme val="major"/>
    </font>
    <font>
      <i/>
      <sz val="9"/>
      <color theme="0"/>
      <name val="Cambria"/>
      <family val="1"/>
      <scheme val="major"/>
    </font>
    <font>
      <i/>
      <sz val="11"/>
      <color theme="0" tint="-0.34998626667073579"/>
      <name val="Cambria"/>
      <family val="1"/>
      <scheme val="major"/>
    </font>
    <font>
      <sz val="12"/>
      <color theme="1"/>
      <name val="Cambria"/>
      <family val="1"/>
      <scheme val="major"/>
    </font>
    <font>
      <sz val="10"/>
      <name val="Cambria"/>
      <family val="1"/>
      <scheme val="major"/>
    </font>
    <font>
      <b/>
      <sz val="11"/>
      <color rgb="FFFA7D00"/>
      <name val="Cambria"/>
      <family val="1"/>
      <scheme val="major"/>
    </font>
    <font>
      <b/>
      <sz val="11"/>
      <color rgb="FF000000"/>
      <name val="Cambria"/>
      <family val="1"/>
      <scheme val="major"/>
    </font>
    <font>
      <b/>
      <i/>
      <u/>
      <sz val="9"/>
      <color theme="1"/>
      <name val="Cambria"/>
      <family val="1"/>
      <scheme val="major"/>
    </font>
    <font>
      <b/>
      <sz val="12"/>
      <color theme="1"/>
      <name val="Cambria"/>
      <family val="1"/>
      <scheme val="major"/>
    </font>
    <font>
      <sz val="8"/>
      <color rgb="FFFF0000"/>
      <name val="Cambria"/>
      <family val="1"/>
      <scheme val="major"/>
    </font>
    <font>
      <b/>
      <sz val="11"/>
      <color theme="3"/>
      <name val="Cambria"/>
      <family val="1"/>
      <scheme val="major"/>
    </font>
    <font>
      <sz val="11"/>
      <color rgb="FFFFFFFF"/>
      <name val="Calibri"/>
      <family val="2"/>
      <scheme val="minor"/>
    </font>
    <font>
      <b/>
      <sz val="11"/>
      <color rgb="FFFF0000"/>
      <name val="Cambria"/>
      <family val="1"/>
      <scheme val="major"/>
    </font>
    <font>
      <sz val="11"/>
      <color rgb="FF000000"/>
      <name val="Cambria"/>
      <family val="1"/>
    </font>
    <font>
      <b/>
      <i/>
      <vertAlign val="subscript"/>
      <sz val="14"/>
      <color theme="1"/>
      <name val="Cambria"/>
      <family val="1"/>
      <scheme val="major"/>
    </font>
    <font>
      <sz val="8"/>
      <name val="Calibri"/>
      <family val="2"/>
      <scheme val="minor"/>
    </font>
    <font>
      <b/>
      <i/>
      <u/>
      <sz val="12"/>
      <color theme="1"/>
      <name val="Cambria"/>
      <family val="1"/>
      <scheme val="major"/>
    </font>
    <font>
      <b/>
      <i/>
      <sz val="12"/>
      <color rgb="FF3F3F76"/>
      <name val="Cambria"/>
      <family val="1"/>
      <scheme val="major"/>
    </font>
    <font>
      <b/>
      <sz val="12"/>
      <color rgb="FF3F3F76"/>
      <name val="Cambria"/>
      <family val="1"/>
      <scheme val="major"/>
    </font>
    <font>
      <b/>
      <sz val="11"/>
      <color rgb="FF3F3F76"/>
      <name val="Calibri"/>
      <family val="2"/>
      <scheme val="minor"/>
    </font>
    <font>
      <sz val="26"/>
      <color theme="1"/>
      <name val="Cambria"/>
      <family val="1"/>
      <scheme val="major"/>
    </font>
    <font>
      <sz val="18"/>
      <color theme="1"/>
      <name val="Cambria"/>
      <family val="1"/>
      <scheme val="major"/>
    </font>
    <font>
      <i/>
      <sz val="12"/>
      <color rgb="FFFF0000"/>
      <name val="Cambria"/>
      <family val="1"/>
      <scheme val="major"/>
    </font>
    <font>
      <i/>
      <sz val="12"/>
      <name val="Cambria"/>
      <family val="1"/>
      <scheme val="major"/>
    </font>
    <font>
      <sz val="16"/>
      <color rgb="FF2E74B5"/>
      <name val="Cambria"/>
      <family val="1"/>
      <scheme val="major"/>
    </font>
    <font>
      <b/>
      <sz val="18"/>
      <color rgb="FFFF0000"/>
      <name val="Cambria"/>
      <family val="1"/>
      <scheme val="major"/>
    </font>
    <font>
      <b/>
      <sz val="14"/>
      <color rgb="FFFF0000"/>
      <name val="Cambria"/>
      <family val="1"/>
      <scheme val="major"/>
    </font>
    <font>
      <b/>
      <sz val="10.5"/>
      <color theme="1"/>
      <name val="Cambria"/>
      <family val="1"/>
      <scheme val="major"/>
    </font>
    <font>
      <i/>
      <sz val="12"/>
      <color rgb="FF3F3F76"/>
      <name val="Cambria"/>
      <family val="1"/>
      <scheme val="major"/>
    </font>
    <font>
      <u/>
      <sz val="11"/>
      <color theme="1"/>
      <name val="Cambria"/>
      <family val="1"/>
      <scheme val="major"/>
    </font>
    <font>
      <i/>
      <sz val="11"/>
      <color rgb="FF3F3F76"/>
      <name val="Cambria"/>
      <family val="1"/>
      <scheme val="major"/>
    </font>
    <font>
      <u/>
      <sz val="11"/>
      <color theme="10"/>
      <name val="Cambria"/>
      <family val="1"/>
      <scheme val="major"/>
    </font>
    <font>
      <b/>
      <sz val="10.5"/>
      <color rgb="FFFF0000"/>
      <name val="Cambria"/>
      <family val="1"/>
      <scheme val="major"/>
    </font>
    <font>
      <i/>
      <sz val="10"/>
      <color theme="1"/>
      <name val="Cambria"/>
      <family val="1"/>
      <scheme val="major"/>
    </font>
    <font>
      <u/>
      <sz val="10"/>
      <color theme="10"/>
      <name val="Cambria"/>
      <family val="1"/>
      <scheme val="major"/>
    </font>
    <font>
      <sz val="8"/>
      <color rgb="FFC00000"/>
      <name val="Cambria"/>
      <family val="1"/>
      <scheme val="major"/>
    </font>
    <font>
      <b/>
      <i/>
      <sz val="12"/>
      <color theme="1"/>
      <name val="Cambria"/>
      <family val="1"/>
      <scheme val="major"/>
    </font>
    <font>
      <b/>
      <sz val="10.5"/>
      <color theme="1"/>
      <name val="CIDFont+F2"/>
    </font>
    <font>
      <u/>
      <sz val="11"/>
      <color theme="1"/>
      <name val="Calibri"/>
      <family val="2"/>
      <scheme val="minor"/>
    </font>
    <font>
      <b/>
      <sz val="14"/>
      <color rgb="FFFF0000"/>
      <name val="Calibri"/>
      <family val="2"/>
      <scheme val="minor"/>
    </font>
  </fonts>
  <fills count="8">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3" tint="0.59999389629810485"/>
        <bgColor indexed="64"/>
      </patternFill>
    </fill>
    <fill>
      <patternFill patternType="solid">
        <fgColor theme="5" tint="0.39997558519241921"/>
        <bgColor indexed="64"/>
      </patternFill>
    </fill>
    <fill>
      <patternFill patternType="solid">
        <fgColor theme="9" tint="0.79998168889431442"/>
        <bgColor indexed="64"/>
      </patternFill>
    </fill>
  </fills>
  <borders count="90">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bottom/>
      <diagonal/>
    </border>
    <border>
      <left style="thin">
        <color rgb="FF7F7F7F"/>
      </left>
      <right style="thin">
        <color rgb="FF7F7F7F"/>
      </right>
      <top style="thin">
        <color rgb="FF7F7F7F"/>
      </top>
      <bottom style="thin">
        <color indexed="64"/>
      </bottom>
      <diagonal/>
    </border>
    <border>
      <left/>
      <right/>
      <top/>
      <bottom style="thin">
        <color indexed="64"/>
      </bottom>
      <diagonal/>
    </border>
    <border>
      <left style="thin">
        <color indexed="64"/>
      </left>
      <right style="thin">
        <color rgb="FF7F7F7F"/>
      </right>
      <top style="thin">
        <color rgb="FF7F7F7F"/>
      </top>
      <bottom style="thin">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right/>
      <top style="thin">
        <color theme="0" tint="-0.499984740745262"/>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thin">
        <color indexed="64"/>
      </left>
      <right style="thin">
        <color rgb="FF7F7F7F"/>
      </right>
      <top/>
      <bottom style="thin">
        <color theme="0" tint="-0.499984740745262"/>
      </bottom>
      <diagonal/>
    </border>
    <border>
      <left style="thin">
        <color rgb="FF7F7F7F"/>
      </left>
      <right/>
      <top/>
      <bottom style="thin">
        <color rgb="FF7F7F7F"/>
      </bottom>
      <diagonal/>
    </border>
    <border>
      <left style="thin">
        <color rgb="FF7F7F7F"/>
      </left>
      <right style="thin">
        <color theme="0" tint="-0.499984740745262"/>
      </right>
      <top style="thin">
        <color rgb="FF7F7F7F"/>
      </top>
      <bottom style="thin">
        <color rgb="FF7F7F7F"/>
      </bottom>
      <diagonal/>
    </border>
    <border>
      <left style="thin">
        <color theme="0" tint="-0.499984740745262"/>
      </left>
      <right style="thin">
        <color theme="0" tint="-0.499984740745262"/>
      </right>
      <top/>
      <bottom/>
      <diagonal/>
    </border>
    <border>
      <left style="thin">
        <color theme="0" tint="-0.499984740745262"/>
      </left>
      <right style="thin">
        <color theme="0" tint="-0.499984740745262"/>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style="thin">
        <color rgb="FF7F7F7F"/>
      </left>
      <right/>
      <top style="thin">
        <color rgb="FF7F7F7F"/>
      </top>
      <bottom style="thin">
        <color rgb="FF7F7F7F"/>
      </bottom>
      <diagonal/>
    </border>
    <border>
      <left/>
      <right/>
      <top style="thin">
        <color rgb="FF7F7F7F"/>
      </top>
      <bottom style="thin">
        <color rgb="FF7F7F7F"/>
      </bottom>
      <diagonal/>
    </border>
    <border>
      <left/>
      <right style="thin">
        <color rgb="FF7F7F7F"/>
      </right>
      <top style="thin">
        <color rgb="FF7F7F7F"/>
      </top>
      <bottom style="thin">
        <color rgb="FF7F7F7F"/>
      </bottom>
      <diagonal/>
    </border>
    <border>
      <left style="thin">
        <color rgb="FF7F7F7F"/>
      </left>
      <right/>
      <top style="thin">
        <color indexed="64"/>
      </top>
      <bottom style="thin">
        <color indexed="64"/>
      </bottom>
      <diagonal/>
    </border>
    <border>
      <left style="thin">
        <color rgb="FF7F7F7F"/>
      </left>
      <right style="thin">
        <color rgb="FF7F7F7F"/>
      </right>
      <top style="thin">
        <color rgb="FF7F7F7F"/>
      </top>
      <bottom/>
      <diagonal/>
    </border>
    <border>
      <left style="thin">
        <color rgb="FF7F7F7F"/>
      </left>
      <right style="thin">
        <color rgb="FF7F7F7F"/>
      </right>
      <top/>
      <bottom style="thin">
        <color rgb="FF7F7F7F"/>
      </bottom>
      <diagonal/>
    </border>
    <border>
      <left style="thin">
        <color rgb="FF7F7F7F"/>
      </left>
      <right style="thin">
        <color rgb="FF7F7F7F"/>
      </right>
      <top style="thin">
        <color indexed="64"/>
      </top>
      <bottom style="thin">
        <color rgb="FF7F7F7F"/>
      </bottom>
      <diagonal/>
    </border>
    <border>
      <left/>
      <right style="thin">
        <color rgb="FF7F7F7F"/>
      </right>
      <top/>
      <bottom style="thin">
        <color indexed="64"/>
      </bottom>
      <diagonal/>
    </border>
    <border>
      <left/>
      <right style="thin">
        <color rgb="FF7F7F7F"/>
      </right>
      <top style="thin">
        <color indexed="64"/>
      </top>
      <bottom/>
      <diagonal/>
    </border>
    <border>
      <left/>
      <right style="thin">
        <color rgb="FF7F7F7F"/>
      </right>
      <top/>
      <bottom/>
      <diagonal/>
    </border>
    <border>
      <left style="thin">
        <color rgb="FF7F7F7F"/>
      </left>
      <right style="thin">
        <color indexed="64"/>
      </right>
      <top style="thin">
        <color indexed="64"/>
      </top>
      <bottom style="thin">
        <color rgb="FF7F7F7F"/>
      </bottom>
      <diagonal/>
    </border>
    <border>
      <left style="thin">
        <color rgb="FF7F7F7F"/>
      </left>
      <right style="thin">
        <color indexed="64"/>
      </right>
      <top style="thin">
        <color rgb="FF7F7F7F"/>
      </top>
      <bottom style="thin">
        <color rgb="FF7F7F7F"/>
      </bottom>
      <diagonal/>
    </border>
    <border>
      <left style="thin">
        <color rgb="FF7F7F7F"/>
      </left>
      <right style="thin">
        <color indexed="64"/>
      </right>
      <top style="thin">
        <color rgb="FF7F7F7F"/>
      </top>
      <bottom style="thin">
        <color indexed="64"/>
      </bottom>
      <diagonal/>
    </border>
    <border>
      <left style="thin">
        <color rgb="FF7F7F7F"/>
      </left>
      <right style="thin">
        <color indexed="64"/>
      </right>
      <top/>
      <bottom style="thin">
        <color rgb="FF7F7F7F"/>
      </bottom>
      <diagonal/>
    </border>
    <border>
      <left style="thin">
        <color rgb="FF7F7F7F"/>
      </left>
      <right style="thin">
        <color indexed="64"/>
      </right>
      <top style="thin">
        <color rgb="FF7F7F7F"/>
      </top>
      <bottom/>
      <diagonal/>
    </border>
    <border>
      <left style="thin">
        <color rgb="FF7F7F7F"/>
      </left>
      <right/>
      <top style="thin">
        <color indexed="64"/>
      </top>
      <bottom style="thin">
        <color rgb="FF7F7F7F"/>
      </bottom>
      <diagonal/>
    </border>
    <border>
      <left/>
      <right style="thin">
        <color rgb="FF7F7F7F"/>
      </right>
      <top style="thin">
        <color indexed="64"/>
      </top>
      <bottom style="thin">
        <color rgb="FF7F7F7F"/>
      </bottom>
      <diagonal/>
    </border>
    <border>
      <left style="thin">
        <color rgb="FF7F7F7F"/>
      </left>
      <right/>
      <top style="thin">
        <color rgb="FF7F7F7F"/>
      </top>
      <bottom style="thin">
        <color indexed="64"/>
      </bottom>
      <diagonal/>
    </border>
    <border>
      <left/>
      <right/>
      <top style="thin">
        <color rgb="FF7F7F7F"/>
      </top>
      <bottom style="thin">
        <color indexed="64"/>
      </bottom>
      <diagonal/>
    </border>
    <border>
      <left/>
      <right style="thin">
        <color rgb="FF7F7F7F"/>
      </right>
      <top style="thin">
        <color rgb="FF7F7F7F"/>
      </top>
      <bottom style="thin">
        <color indexed="64"/>
      </bottom>
      <diagonal/>
    </border>
    <border>
      <left style="medium">
        <color indexed="64"/>
      </left>
      <right/>
      <top style="thin">
        <color rgb="FF7F7F7F"/>
      </top>
      <bottom/>
      <diagonal/>
    </border>
    <border>
      <left/>
      <right/>
      <top style="thin">
        <color rgb="FF7F7F7F"/>
      </top>
      <bottom/>
      <diagonal/>
    </border>
    <border>
      <left/>
      <right style="medium">
        <color indexed="64"/>
      </right>
      <top style="thin">
        <color rgb="FF7F7F7F"/>
      </top>
      <bottom/>
      <diagonal/>
    </border>
  </borders>
  <cellStyleXfs count="7">
    <xf numFmtId="0" fontId="0" fillId="0" borderId="0"/>
    <xf numFmtId="0" fontId="3" fillId="2" borderId="3" applyNumberFormat="0" applyAlignment="0">
      <protection locked="0"/>
    </xf>
    <xf numFmtId="0" fontId="2" fillId="3" borderId="3" applyNumberFormat="0" applyAlignment="0"/>
    <xf numFmtId="0" fontId="4" fillId="0" borderId="0" applyNumberFormat="0" applyFill="0" applyBorder="0" applyAlignment="0" applyProtection="0"/>
    <xf numFmtId="0" fontId="9" fillId="3" borderId="19" applyNumberFormat="0" applyAlignment="0" applyProtection="0"/>
    <xf numFmtId="43" fontId="12" fillId="0" borderId="0" applyFont="0" applyFill="0" applyBorder="0" applyAlignment="0" applyProtection="0"/>
    <xf numFmtId="9" fontId="12" fillId="0" borderId="0" applyFont="0" applyFill="0" applyBorder="0" applyAlignment="0" applyProtection="0"/>
  </cellStyleXfs>
  <cellXfs count="316">
    <xf numFmtId="0" fontId="0" fillId="0" borderId="0" xfId="0"/>
    <xf numFmtId="0" fontId="1" fillId="0" borderId="0" xfId="0" applyFont="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xf numFmtId="0" fontId="1" fillId="0" borderId="0" xfId="0" applyFont="1" applyAlignment="1">
      <alignment horizontal="center"/>
    </xf>
    <xf numFmtId="0" fontId="0" fillId="0" borderId="16" xfId="0" applyBorder="1"/>
    <xf numFmtId="0" fontId="0" fillId="0" borderId="6" xfId="0" applyBorder="1"/>
    <xf numFmtId="0" fontId="0" fillId="0" borderId="10" xfId="0" applyBorder="1"/>
    <xf numFmtId="0" fontId="11" fillId="0" borderId="6" xfId="0" applyFont="1" applyBorder="1" applyAlignment="1">
      <alignment horizontal="center" vertical="center" wrapText="1"/>
    </xf>
    <xf numFmtId="0" fontId="11" fillId="0" borderId="0" xfId="0" applyFont="1" applyAlignment="1">
      <alignment horizontal="center" vertical="center" wrapText="1"/>
    </xf>
    <xf numFmtId="0" fontId="0" fillId="0" borderId="0" xfId="0" applyAlignment="1">
      <alignment horizontal="center" wrapText="1"/>
    </xf>
    <xf numFmtId="0" fontId="0" fillId="0" borderId="7" xfId="0" applyBorder="1" applyAlignment="1">
      <alignment horizontal="center" wrapText="1"/>
    </xf>
    <xf numFmtId="0" fontId="13" fillId="0" borderId="0" xfId="0" applyFont="1" applyProtection="1">
      <protection hidden="1"/>
    </xf>
    <xf numFmtId="0" fontId="11" fillId="0" borderId="59" xfId="0" applyFont="1" applyBorder="1" applyAlignment="1">
      <alignment vertical="center" wrapText="1"/>
    </xf>
    <xf numFmtId="0" fontId="1" fillId="0" borderId="59" xfId="0" applyFont="1" applyBorder="1" applyAlignment="1">
      <alignment vertical="center"/>
    </xf>
    <xf numFmtId="0" fontId="11" fillId="0" borderId="0" xfId="0" applyFont="1" applyAlignment="1">
      <alignment vertical="center" wrapText="1"/>
    </xf>
    <xf numFmtId="0" fontId="14" fillId="0" borderId="0" xfId="0" applyFont="1" applyProtection="1">
      <protection hidden="1"/>
    </xf>
    <xf numFmtId="0" fontId="15" fillId="0" borderId="0" xfId="0" applyFont="1" applyProtection="1">
      <protection hidden="1"/>
    </xf>
    <xf numFmtId="0" fontId="14" fillId="0" borderId="0" xfId="0" applyFont="1"/>
    <xf numFmtId="0" fontId="17" fillId="0" borderId="0" xfId="0" applyFont="1" applyProtection="1">
      <protection hidden="1"/>
    </xf>
    <xf numFmtId="0" fontId="13" fillId="0" borderId="0" xfId="0" applyFont="1"/>
    <xf numFmtId="0" fontId="20" fillId="0" borderId="31" xfId="0" applyFont="1" applyBorder="1" applyAlignment="1" applyProtection="1">
      <alignment horizontal="left" vertical="top" wrapText="1"/>
      <protection hidden="1"/>
    </xf>
    <xf numFmtId="0" fontId="21" fillId="0" borderId="0" xfId="0" applyFont="1" applyAlignment="1" applyProtection="1">
      <alignment horizontal="left" vertical="top" wrapText="1"/>
      <protection hidden="1"/>
    </xf>
    <xf numFmtId="0" fontId="23" fillId="0" borderId="0" xfId="0" applyFont="1" applyProtection="1">
      <protection hidden="1"/>
    </xf>
    <xf numFmtId="0" fontId="20" fillId="0" borderId="0" xfId="0" applyFont="1" applyProtection="1">
      <protection hidden="1"/>
    </xf>
    <xf numFmtId="0" fontId="15" fillId="0" borderId="0" xfId="0" applyFont="1"/>
    <xf numFmtId="0" fontId="14" fillId="0" borderId="6" xfId="0" applyFont="1" applyBorder="1" applyProtection="1">
      <protection hidden="1"/>
    </xf>
    <xf numFmtId="0" fontId="25" fillId="0" borderId="0" xfId="0" applyFont="1" applyAlignment="1" applyProtection="1">
      <alignment vertical="center"/>
      <protection hidden="1"/>
    </xf>
    <xf numFmtId="0" fontId="14" fillId="0" borderId="0" xfId="0" applyFont="1" applyAlignment="1" applyProtection="1">
      <alignment vertical="center"/>
      <protection hidden="1"/>
    </xf>
    <xf numFmtId="0" fontId="14" fillId="0" borderId="0" xfId="0" applyFont="1" applyAlignment="1" applyProtection="1">
      <alignment wrapText="1"/>
      <protection hidden="1"/>
    </xf>
    <xf numFmtId="0" fontId="26" fillId="0" borderId="0" xfId="0" applyFont="1" applyAlignment="1" applyProtection="1">
      <alignment horizontal="right" vertical="center"/>
      <protection hidden="1"/>
    </xf>
    <xf numFmtId="164" fontId="27" fillId="3" borderId="0" xfId="2" applyNumberFormat="1" applyFont="1" applyBorder="1" applyAlignment="1" applyProtection="1">
      <alignment vertical="center"/>
      <protection hidden="1"/>
    </xf>
    <xf numFmtId="164" fontId="14" fillId="0" borderId="0" xfId="0" applyNumberFormat="1" applyFont="1" applyProtection="1">
      <protection hidden="1"/>
    </xf>
    <xf numFmtId="0" fontId="20" fillId="0" borderId="31" xfId="0" applyFont="1" applyBorder="1" applyProtection="1">
      <protection hidden="1"/>
    </xf>
    <xf numFmtId="0" fontId="24" fillId="0" borderId="0" xfId="0" applyFont="1"/>
    <xf numFmtId="0" fontId="28" fillId="0" borderId="0" xfId="0" applyFont="1" applyAlignment="1" applyProtection="1">
      <alignment wrapText="1"/>
      <protection hidden="1"/>
    </xf>
    <xf numFmtId="0" fontId="14" fillId="0" borderId="60" xfId="0" applyFont="1" applyBorder="1" applyAlignment="1" applyProtection="1">
      <alignment vertical="center"/>
      <protection hidden="1"/>
    </xf>
    <xf numFmtId="0" fontId="22" fillId="5" borderId="61" xfId="1" applyFont="1" applyFill="1" applyBorder="1">
      <protection locked="0"/>
    </xf>
    <xf numFmtId="0" fontId="29" fillId="0" borderId="0" xfId="0" applyFont="1" applyProtection="1">
      <protection hidden="1"/>
    </xf>
    <xf numFmtId="0" fontId="14" fillId="0" borderId="31" xfId="0" applyFont="1" applyBorder="1" applyAlignment="1" applyProtection="1">
      <alignment vertical="center" wrapText="1"/>
      <protection hidden="1"/>
    </xf>
    <xf numFmtId="0" fontId="25" fillId="0" borderId="0" xfId="0" applyFont="1" applyProtection="1">
      <protection hidden="1"/>
    </xf>
    <xf numFmtId="0" fontId="30" fillId="0" borderId="0" xfId="0" applyFont="1" applyProtection="1">
      <protection hidden="1"/>
    </xf>
    <xf numFmtId="0" fontId="14" fillId="0" borderId="39" xfId="0" applyFont="1" applyBorder="1" applyProtection="1">
      <protection hidden="1"/>
    </xf>
    <xf numFmtId="0" fontId="22" fillId="5" borderId="62" xfId="1" applyFont="1" applyFill="1" applyBorder="1">
      <protection locked="0"/>
    </xf>
    <xf numFmtId="0" fontId="31" fillId="0" borderId="0" xfId="0" applyFont="1" applyAlignment="1" applyProtection="1">
      <alignment horizontal="right"/>
      <protection hidden="1"/>
    </xf>
    <xf numFmtId="0" fontId="14" fillId="0" borderId="0" xfId="0" quotePrefix="1" applyFont="1" applyProtection="1">
      <protection hidden="1"/>
    </xf>
    <xf numFmtId="0" fontId="20" fillId="0" borderId="0" xfId="0" applyFont="1" applyAlignment="1" applyProtection="1">
      <alignment vertical="center"/>
      <protection hidden="1"/>
    </xf>
    <xf numFmtId="0" fontId="25" fillId="0" borderId="0" xfId="0" applyFont="1" applyAlignment="1" applyProtection="1">
      <alignment horizontal="right"/>
      <protection hidden="1"/>
    </xf>
    <xf numFmtId="0" fontId="25" fillId="0" borderId="0" xfId="0" applyFont="1" applyAlignment="1" applyProtection="1">
      <alignment wrapText="1"/>
      <protection hidden="1"/>
    </xf>
    <xf numFmtId="0" fontId="25" fillId="0" borderId="63" xfId="0" applyFont="1" applyBorder="1" applyAlignment="1" applyProtection="1">
      <alignment horizontal="center"/>
      <protection locked="0" hidden="1"/>
    </xf>
    <xf numFmtId="0" fontId="33" fillId="3" borderId="0" xfId="2" applyFont="1" applyBorder="1"/>
    <xf numFmtId="164" fontId="33" fillId="3" borderId="63" xfId="2" applyNumberFormat="1" applyFont="1" applyBorder="1" applyProtection="1">
      <protection hidden="1"/>
    </xf>
    <xf numFmtId="43" fontId="15" fillId="6" borderId="0" xfId="5" applyFont="1" applyFill="1" applyBorder="1" applyAlignment="1">
      <alignment horizontal="center" vertical="center"/>
    </xf>
    <xf numFmtId="0" fontId="34" fillId="0" borderId="0" xfId="0" applyFont="1" applyAlignment="1" applyProtection="1">
      <alignment horizontal="right"/>
      <protection hidden="1"/>
    </xf>
    <xf numFmtId="164" fontId="33" fillId="3" borderId="0" xfId="2" applyNumberFormat="1" applyFont="1" applyBorder="1" applyAlignment="1" applyProtection="1">
      <alignment horizontal="right"/>
      <protection hidden="1"/>
    </xf>
    <xf numFmtId="164" fontId="33" fillId="3" borderId="64" xfId="2" applyNumberFormat="1" applyFont="1" applyBorder="1" applyAlignment="1" applyProtection="1">
      <alignment horizontal="right"/>
      <protection hidden="1"/>
    </xf>
    <xf numFmtId="164" fontId="33" fillId="3" borderId="65" xfId="2" applyNumberFormat="1" applyFont="1" applyBorder="1" applyAlignment="1" applyProtection="1">
      <alignment horizontal="right"/>
      <protection hidden="1"/>
    </xf>
    <xf numFmtId="0" fontId="20" fillId="0" borderId="0" xfId="0" applyFont="1" applyAlignment="1" applyProtection="1">
      <alignment horizontal="center" wrapText="1"/>
      <protection hidden="1"/>
    </xf>
    <xf numFmtId="0" fontId="20" fillId="0" borderId="0" xfId="0" applyFont="1" applyAlignment="1" applyProtection="1">
      <alignment horizontal="center" vertical="center"/>
      <protection hidden="1"/>
    </xf>
    <xf numFmtId="0" fontId="36" fillId="0" borderId="0" xfId="0" applyFont="1" applyProtection="1">
      <protection hidden="1"/>
    </xf>
    <xf numFmtId="0" fontId="33" fillId="3" borderId="66" xfId="2" applyFont="1" applyBorder="1" applyProtection="1">
      <protection hidden="1"/>
    </xf>
    <xf numFmtId="0" fontId="37" fillId="0" borderId="37" xfId="0" applyFont="1" applyBorder="1" applyProtection="1">
      <protection locked="0"/>
    </xf>
    <xf numFmtId="0" fontId="37" fillId="0" borderId="0" xfId="0" applyFont="1" applyProtection="1">
      <protection locked="0"/>
    </xf>
    <xf numFmtId="0" fontId="14" fillId="0" borderId="37" xfId="0" applyFont="1" applyBorder="1" applyProtection="1">
      <protection locked="0"/>
    </xf>
    <xf numFmtId="0" fontId="14" fillId="0" borderId="44" xfId="0" applyFont="1" applyBorder="1" applyProtection="1">
      <protection locked="0"/>
    </xf>
    <xf numFmtId="0" fontId="38" fillId="0" borderId="0" xfId="0" applyFont="1" applyProtection="1">
      <protection hidden="1"/>
    </xf>
    <xf numFmtId="0" fontId="36" fillId="0" borderId="0" xfId="0" applyFont="1" applyAlignment="1" applyProtection="1">
      <alignment horizontal="center" vertical="center"/>
      <protection hidden="1"/>
    </xf>
    <xf numFmtId="0" fontId="14" fillId="0" borderId="0" xfId="0" applyFont="1" applyAlignment="1" applyProtection="1">
      <alignment horizontal="center"/>
      <protection hidden="1"/>
    </xf>
    <xf numFmtId="0" fontId="14" fillId="0" borderId="0" xfId="0" applyFont="1" applyAlignment="1" applyProtection="1">
      <alignment horizontal="center"/>
      <protection locked="0"/>
    </xf>
    <xf numFmtId="0" fontId="19" fillId="0" borderId="0" xfId="0" applyFont="1" applyProtection="1">
      <protection hidden="1"/>
    </xf>
    <xf numFmtId="0" fontId="32" fillId="7" borderId="0" xfId="0" quotePrefix="1" applyFont="1" applyFill="1" applyAlignment="1" applyProtection="1">
      <alignment horizontal="left" vertical="center" wrapText="1"/>
      <protection hidden="1"/>
    </xf>
    <xf numFmtId="0" fontId="3" fillId="2" borderId="3" xfId="1">
      <protection locked="0"/>
    </xf>
    <xf numFmtId="0" fontId="3" fillId="2" borderId="3" xfId="1" applyAlignment="1">
      <alignment horizontal="center" vertical="center"/>
      <protection locked="0"/>
    </xf>
    <xf numFmtId="0" fontId="39" fillId="0" borderId="0" xfId="0" applyFont="1"/>
    <xf numFmtId="0" fontId="3" fillId="2" borderId="3" xfId="1" applyAlignment="1">
      <protection locked="0"/>
    </xf>
    <xf numFmtId="166" fontId="3" fillId="2" borderId="3" xfId="1" applyNumberFormat="1">
      <protection locked="0"/>
    </xf>
    <xf numFmtId="166" fontId="3" fillId="2" borderId="3" xfId="1" applyNumberFormat="1" applyAlignment="1">
      <protection locked="0"/>
    </xf>
    <xf numFmtId="0" fontId="25" fillId="0" borderId="0" xfId="0" applyFont="1" applyAlignment="1" applyProtection="1">
      <alignment horizontal="center"/>
      <protection hidden="1"/>
    </xf>
    <xf numFmtId="0" fontId="14" fillId="0" borderId="33" xfId="0" applyFont="1" applyBorder="1" applyProtection="1">
      <protection locked="0"/>
    </xf>
    <xf numFmtId="9" fontId="33" fillId="3" borderId="63" xfId="6" applyFont="1" applyFill="1" applyBorder="1" applyProtection="1">
      <protection hidden="1"/>
    </xf>
    <xf numFmtId="0" fontId="41" fillId="0" borderId="0" xfId="0" applyFont="1" applyAlignment="1" applyProtection="1">
      <alignment vertical="center"/>
      <protection hidden="1"/>
    </xf>
    <xf numFmtId="166" fontId="2" fillId="3" borderId="3" xfId="2" applyNumberFormat="1"/>
    <xf numFmtId="0" fontId="16" fillId="0" borderId="0" xfId="0" applyFont="1" applyProtection="1">
      <protection hidden="1"/>
    </xf>
    <xf numFmtId="0" fontId="40" fillId="0" borderId="0" xfId="0" applyFont="1" applyAlignment="1" applyProtection="1">
      <alignment horizontal="right"/>
      <protection hidden="1"/>
    </xf>
    <xf numFmtId="0" fontId="44" fillId="0" borderId="6" xfId="0" applyFont="1" applyBorder="1" applyAlignment="1">
      <alignment horizontal="left" vertical="top" wrapText="1"/>
    </xf>
    <xf numFmtId="0" fontId="31" fillId="0" borderId="0" xfId="0" applyFont="1"/>
    <xf numFmtId="0" fontId="31" fillId="0" borderId="6" xfId="0" applyFont="1" applyBorder="1"/>
    <xf numFmtId="0" fontId="31" fillId="0" borderId="14" xfId="0" applyFont="1" applyBorder="1" applyAlignment="1">
      <alignment wrapText="1"/>
    </xf>
    <xf numFmtId="0" fontId="45" fillId="0" borderId="1" xfId="1" applyFont="1" applyFill="1" applyBorder="1" applyAlignment="1" applyProtection="1">
      <alignment horizontal="left" wrapText="1"/>
    </xf>
    <xf numFmtId="0" fontId="45" fillId="0" borderId="15" xfId="1" applyFont="1" applyFill="1" applyBorder="1" applyAlignment="1" applyProtection="1">
      <alignment horizontal="left" wrapText="1"/>
    </xf>
    <xf numFmtId="0" fontId="47" fillId="2" borderId="3" xfId="1" applyFont="1" applyAlignment="1">
      <alignment horizontal="center" vertical="center"/>
      <protection locked="0"/>
    </xf>
    <xf numFmtId="0" fontId="21" fillId="0" borderId="0" xfId="0" applyFont="1" applyAlignment="1">
      <alignment horizontal="left" vertical="top"/>
    </xf>
    <xf numFmtId="0" fontId="36" fillId="0" borderId="68" xfId="0" applyFont="1" applyBorder="1" applyAlignment="1" applyProtection="1">
      <alignment vertical="center"/>
      <protection hidden="1"/>
    </xf>
    <xf numFmtId="0" fontId="3" fillId="2" borderId="71" xfId="1" applyBorder="1">
      <protection locked="0"/>
    </xf>
    <xf numFmtId="0" fontId="3" fillId="2" borderId="72" xfId="1" applyBorder="1">
      <protection locked="0"/>
    </xf>
    <xf numFmtId="0" fontId="3" fillId="2" borderId="73" xfId="1" applyBorder="1">
      <protection locked="0"/>
    </xf>
    <xf numFmtId="0" fontId="3" fillId="2" borderId="32" xfId="1" applyBorder="1">
      <protection locked="0"/>
    </xf>
    <xf numFmtId="0" fontId="3" fillId="2" borderId="77" xfId="1" applyBorder="1">
      <protection locked="0"/>
    </xf>
    <xf numFmtId="0" fontId="3" fillId="2" borderId="78" xfId="1" applyBorder="1">
      <protection locked="0"/>
    </xf>
    <xf numFmtId="0" fontId="3" fillId="2" borderId="79" xfId="1" applyBorder="1">
      <protection locked="0"/>
    </xf>
    <xf numFmtId="0" fontId="3" fillId="2" borderId="80" xfId="1" applyBorder="1">
      <protection locked="0"/>
    </xf>
    <xf numFmtId="0" fontId="3" fillId="2" borderId="81" xfId="1" applyBorder="1">
      <protection locked="0"/>
    </xf>
    <xf numFmtId="0" fontId="14" fillId="0" borderId="7" xfId="0" applyFont="1" applyBorder="1" applyProtection="1">
      <protection hidden="1"/>
    </xf>
    <xf numFmtId="0" fontId="25" fillId="0" borderId="51" xfId="0" applyFont="1" applyBorder="1" applyProtection="1">
      <protection hidden="1"/>
    </xf>
    <xf numFmtId="0" fontId="25" fillId="0" borderId="55" xfId="0" applyFont="1" applyBorder="1" applyProtection="1">
      <protection hidden="1"/>
    </xf>
    <xf numFmtId="0" fontId="25" fillId="0" borderId="14" xfId="0" applyFont="1" applyBorder="1" applyProtection="1">
      <protection hidden="1"/>
    </xf>
    <xf numFmtId="0" fontId="25" fillId="0" borderId="6" xfId="0" applyFont="1" applyBorder="1" applyProtection="1">
      <protection hidden="1"/>
    </xf>
    <xf numFmtId="0" fontId="52" fillId="0" borderId="4" xfId="0" applyFont="1" applyBorder="1" applyAlignment="1" applyProtection="1">
      <alignment vertical="center"/>
      <protection hidden="1"/>
    </xf>
    <xf numFmtId="0" fontId="14" fillId="0" borderId="5" xfId="0" applyFont="1" applyBorder="1" applyProtection="1">
      <protection hidden="1"/>
    </xf>
    <xf numFmtId="0" fontId="53" fillId="0" borderId="5" xfId="0" applyFont="1" applyBorder="1" applyProtection="1">
      <protection hidden="1"/>
    </xf>
    <xf numFmtId="0" fontId="22" fillId="2" borderId="20" xfId="1" applyFont="1" applyBorder="1">
      <protection locked="0"/>
    </xf>
    <xf numFmtId="0" fontId="14" fillId="0" borderId="20" xfId="0" applyFont="1" applyBorder="1" applyProtection="1">
      <protection hidden="1"/>
    </xf>
    <xf numFmtId="0" fontId="59" fillId="0" borderId="0" xfId="3" applyFont="1" applyBorder="1" applyProtection="1">
      <protection locked="0"/>
    </xf>
    <xf numFmtId="0" fontId="14" fillId="0" borderId="50" xfId="0" applyFont="1" applyBorder="1" applyProtection="1">
      <protection hidden="1"/>
    </xf>
    <xf numFmtId="0" fontId="14" fillId="0" borderId="44" xfId="0" applyFont="1" applyBorder="1" applyProtection="1">
      <protection hidden="1"/>
    </xf>
    <xf numFmtId="0" fontId="14" fillId="0" borderId="45" xfId="0" applyFont="1" applyBorder="1" applyProtection="1">
      <protection hidden="1"/>
    </xf>
    <xf numFmtId="0" fontId="14" fillId="0" borderId="2" xfId="0" applyFont="1" applyBorder="1" applyProtection="1">
      <protection hidden="1"/>
    </xf>
    <xf numFmtId="0" fontId="52" fillId="0" borderId="46" xfId="0" applyFont="1" applyBorder="1" applyAlignment="1" applyProtection="1">
      <alignment vertical="center"/>
      <protection hidden="1"/>
    </xf>
    <xf numFmtId="0" fontId="14" fillId="0" borderId="47" xfId="0" applyFont="1" applyBorder="1" applyProtection="1">
      <protection hidden="1"/>
    </xf>
    <xf numFmtId="0" fontId="14" fillId="0" borderId="49" xfId="0" applyFont="1" applyBorder="1" applyProtection="1">
      <protection hidden="1"/>
    </xf>
    <xf numFmtId="0" fontId="14" fillId="0" borderId="47" xfId="0" applyFont="1" applyBorder="1" applyAlignment="1" applyProtection="1">
      <alignment horizontal="center" vertical="center"/>
      <protection hidden="1"/>
    </xf>
    <xf numFmtId="0" fontId="22" fillId="2" borderId="48" xfId="1" applyFont="1" applyBorder="1">
      <protection locked="0"/>
    </xf>
    <xf numFmtId="0" fontId="55" fillId="0" borderId="6" xfId="0" applyFont="1" applyBorder="1" applyAlignment="1" applyProtection="1">
      <alignment vertical="center"/>
      <protection hidden="1"/>
    </xf>
    <xf numFmtId="0" fontId="21" fillId="0" borderId="0" xfId="0" applyFont="1" applyAlignment="1">
      <alignment horizontal="left" vertical="top" wrapText="1"/>
    </xf>
    <xf numFmtId="0" fontId="21" fillId="0" borderId="7" xfId="0" applyFont="1" applyBorder="1" applyAlignment="1">
      <alignment horizontal="left" vertical="top" wrapText="1"/>
    </xf>
    <xf numFmtId="0" fontId="14" fillId="0" borderId="20" xfId="0" applyFont="1" applyBorder="1"/>
    <xf numFmtId="0" fontId="14" fillId="0" borderId="6" xfId="0" applyFont="1" applyBorder="1"/>
    <xf numFmtId="0" fontId="14" fillId="0" borderId="7" xfId="0" applyFont="1" applyBorder="1"/>
    <xf numFmtId="0" fontId="14" fillId="0" borderId="27" xfId="0" applyFont="1" applyBorder="1"/>
    <xf numFmtId="0" fontId="14" fillId="0" borderId="20" xfId="0" applyFont="1" applyBorder="1" applyAlignment="1">
      <alignment wrapText="1"/>
    </xf>
    <xf numFmtId="0" fontId="14" fillId="0" borderId="14" xfId="0" applyFont="1" applyBorder="1" applyAlignment="1">
      <alignment wrapText="1"/>
    </xf>
    <xf numFmtId="0" fontId="22" fillId="0" borderId="1" xfId="1" applyFont="1" applyFill="1" applyBorder="1" applyAlignment="1" applyProtection="1">
      <alignment horizontal="left" wrapText="1"/>
    </xf>
    <xf numFmtId="0" fontId="22" fillId="0" borderId="15" xfId="1" applyFont="1" applyFill="1" applyBorder="1" applyAlignment="1" applyProtection="1">
      <alignment horizontal="left" wrapText="1"/>
    </xf>
    <xf numFmtId="0" fontId="59" fillId="0" borderId="63" xfId="3" applyFont="1" applyBorder="1" applyAlignment="1" applyProtection="1">
      <alignment horizontal="center" textRotation="90"/>
      <protection hidden="1"/>
    </xf>
    <xf numFmtId="0" fontId="31" fillId="0" borderId="0" xfId="0" applyFont="1" applyAlignment="1">
      <alignment wrapText="1"/>
    </xf>
    <xf numFmtId="0" fontId="0" fillId="0" borderId="20" xfId="0" applyBorder="1" applyProtection="1">
      <protection hidden="1"/>
    </xf>
    <xf numFmtId="0" fontId="0" fillId="0" borderId="7" xfId="0" applyBorder="1" applyProtection="1">
      <protection hidden="1"/>
    </xf>
    <xf numFmtId="0" fontId="22" fillId="5" borderId="0" xfId="1" applyFont="1" applyFill="1" applyBorder="1" applyAlignment="1">
      <alignment horizontal="center" vertical="center"/>
      <protection locked="0"/>
    </xf>
    <xf numFmtId="0" fontId="28" fillId="0" borderId="0" xfId="0" applyFont="1" applyAlignment="1" applyProtection="1">
      <alignment horizontal="left" vertical="top" wrapText="1"/>
      <protection hidden="1"/>
    </xf>
    <xf numFmtId="0" fontId="17" fillId="0" borderId="0" xfId="0" applyFont="1" applyAlignment="1" applyProtection="1">
      <alignment horizontal="center"/>
      <protection hidden="1"/>
    </xf>
    <xf numFmtId="0" fontId="18" fillId="7" borderId="0" xfId="0" quotePrefix="1" applyFont="1" applyFill="1" applyAlignment="1" applyProtection="1">
      <alignment horizontal="left" vertical="center" wrapText="1"/>
      <protection hidden="1"/>
    </xf>
    <xf numFmtId="0" fontId="24" fillId="0" borderId="0" xfId="0" applyFont="1" applyAlignment="1">
      <alignment horizontal="right"/>
    </xf>
    <xf numFmtId="0" fontId="3" fillId="2" borderId="67" xfId="1" applyBorder="1" applyAlignment="1">
      <alignment horizontal="center"/>
      <protection locked="0"/>
    </xf>
    <xf numFmtId="0" fontId="3" fillId="2" borderId="68" xfId="1" applyBorder="1" applyAlignment="1">
      <alignment horizontal="center"/>
      <protection locked="0"/>
    </xf>
    <xf numFmtId="0" fontId="3" fillId="2" borderId="69" xfId="1" applyBorder="1" applyAlignment="1">
      <alignment horizontal="center"/>
      <protection locked="0"/>
    </xf>
    <xf numFmtId="0" fontId="36" fillId="0" borderId="68" xfId="0" applyFont="1" applyBorder="1" applyAlignment="1" applyProtection="1">
      <alignment horizontal="center" vertical="center"/>
      <protection hidden="1"/>
    </xf>
    <xf numFmtId="0" fontId="3" fillId="2" borderId="84" xfId="1" applyBorder="1" applyAlignment="1">
      <alignment horizontal="center"/>
      <protection locked="0"/>
    </xf>
    <xf numFmtId="0" fontId="3" fillId="2" borderId="85" xfId="1" applyBorder="1" applyAlignment="1">
      <alignment horizontal="center"/>
      <protection locked="0"/>
    </xf>
    <xf numFmtId="0" fontId="3" fillId="2" borderId="86" xfId="1" applyBorder="1" applyAlignment="1">
      <alignment horizontal="center"/>
      <protection locked="0"/>
    </xf>
    <xf numFmtId="0" fontId="3" fillId="2" borderId="82" xfId="1" applyBorder="1" applyAlignment="1">
      <alignment horizontal="center"/>
      <protection locked="0"/>
    </xf>
    <xf numFmtId="0" fontId="3" fillId="2" borderId="41" xfId="1" applyBorder="1" applyAlignment="1">
      <alignment horizontal="center"/>
      <protection locked="0"/>
    </xf>
    <xf numFmtId="0" fontId="3" fillId="2" borderId="83" xfId="1" applyBorder="1" applyAlignment="1">
      <alignment horizontal="center"/>
      <protection locked="0"/>
    </xf>
    <xf numFmtId="0" fontId="31" fillId="7" borderId="10" xfId="0" applyFont="1" applyFill="1" applyBorder="1" applyAlignment="1">
      <alignment horizontal="left" vertical="center"/>
    </xf>
    <xf numFmtId="0" fontId="31" fillId="7" borderId="0" xfId="0" applyFont="1" applyFill="1" applyAlignment="1">
      <alignment horizontal="left" vertical="center"/>
    </xf>
    <xf numFmtId="0" fontId="31" fillId="7" borderId="75" xfId="0" applyFont="1" applyFill="1" applyBorder="1" applyAlignment="1">
      <alignment horizontal="left" vertical="center"/>
    </xf>
    <xf numFmtId="0" fontId="31" fillId="7" borderId="76" xfId="0" applyFont="1" applyFill="1" applyBorder="1" applyAlignment="1">
      <alignment horizontal="left" vertical="center"/>
    </xf>
    <xf numFmtId="0" fontId="31" fillId="7" borderId="74" xfId="0" applyFont="1" applyFill="1" applyBorder="1" applyAlignment="1">
      <alignment horizontal="left" vertical="center"/>
    </xf>
    <xf numFmtId="0" fontId="17" fillId="0" borderId="4" xfId="0" applyFont="1" applyBorder="1" applyAlignment="1">
      <alignment horizontal="center" vertical="center"/>
    </xf>
    <xf numFmtId="0" fontId="6" fillId="0" borderId="5" xfId="0" applyFont="1" applyBorder="1" applyAlignment="1">
      <alignment horizontal="center" vertical="center"/>
    </xf>
    <xf numFmtId="0" fontId="6" fillId="0" borderId="2" xfId="0" applyFont="1" applyBorder="1" applyAlignment="1">
      <alignment horizontal="center" vertical="center"/>
    </xf>
    <xf numFmtId="0" fontId="6" fillId="0" borderId="6" xfId="0" applyFont="1" applyBorder="1" applyAlignment="1">
      <alignment horizontal="center" vertical="center"/>
    </xf>
    <xf numFmtId="0" fontId="6" fillId="0" borderId="0" xfId="0" applyFont="1" applyAlignment="1">
      <alignment horizontal="center" vertical="center"/>
    </xf>
    <xf numFmtId="0" fontId="6" fillId="0" borderId="7" xfId="0" applyFont="1" applyBorder="1" applyAlignment="1">
      <alignment horizontal="center" vertical="center"/>
    </xf>
    <xf numFmtId="49" fontId="46" fillId="2" borderId="50" xfId="1" applyNumberFormat="1" applyFont="1" applyBorder="1" applyAlignment="1">
      <alignment horizontal="left" vertical="top"/>
      <protection locked="0"/>
    </xf>
    <xf numFmtId="49" fontId="46" fillId="2" borderId="44" xfId="1" applyNumberFormat="1" applyFont="1" applyBorder="1" applyAlignment="1">
      <alignment horizontal="left" vertical="top"/>
      <protection locked="0"/>
    </xf>
    <xf numFmtId="49" fontId="46" fillId="2" borderId="45" xfId="1" applyNumberFormat="1" applyFont="1" applyBorder="1" applyAlignment="1">
      <alignment horizontal="left" vertical="top"/>
      <protection locked="0"/>
    </xf>
    <xf numFmtId="0" fontId="31" fillId="0" borderId="27" xfId="0" applyFont="1" applyBorder="1" applyAlignment="1">
      <alignment horizontal="center" vertical="center" wrapText="1"/>
    </xf>
    <xf numFmtId="0" fontId="31" fillId="0" borderId="57" xfId="0" applyFont="1" applyBorder="1" applyAlignment="1">
      <alignment horizontal="center" vertical="center" wrapText="1"/>
    </xf>
    <xf numFmtId="0" fontId="31" fillId="0" borderId="70" xfId="0" applyFont="1" applyBorder="1" applyAlignment="1">
      <alignment horizontal="left" vertical="center" wrapText="1"/>
    </xf>
    <xf numFmtId="0" fontId="31" fillId="0" borderId="44" xfId="0" applyFont="1" applyBorder="1" applyAlignment="1">
      <alignment horizontal="left" vertical="center" wrapText="1"/>
    </xf>
    <xf numFmtId="0" fontId="31" fillId="0" borderId="45" xfId="0" applyFont="1" applyBorder="1" applyAlignment="1">
      <alignment horizontal="left" vertical="center" wrapText="1"/>
    </xf>
    <xf numFmtId="0" fontId="36" fillId="4" borderId="6" xfId="0" quotePrefix="1" applyFont="1" applyFill="1" applyBorder="1" applyAlignment="1">
      <alignment horizontal="left" vertical="center" wrapText="1"/>
    </xf>
    <xf numFmtId="0" fontId="36" fillId="4" borderId="0" xfId="0" quotePrefix="1" applyFont="1" applyFill="1" applyAlignment="1">
      <alignment horizontal="left" vertical="center" wrapText="1"/>
    </xf>
    <xf numFmtId="0" fontId="36" fillId="4" borderId="7" xfId="0" quotePrefix="1" applyFont="1" applyFill="1" applyBorder="1" applyAlignment="1">
      <alignment horizontal="left" vertical="center" wrapText="1"/>
    </xf>
    <xf numFmtId="0" fontId="36" fillId="4" borderId="14" xfId="0" quotePrefix="1" applyFont="1" applyFill="1" applyBorder="1" applyAlignment="1">
      <alignment horizontal="left" vertical="center" wrapText="1"/>
    </xf>
    <xf numFmtId="0" fontId="36" fillId="4" borderId="1" xfId="0" quotePrefix="1" applyFont="1" applyFill="1" applyBorder="1" applyAlignment="1">
      <alignment horizontal="left" vertical="center" wrapText="1"/>
    </xf>
    <xf numFmtId="0" fontId="36" fillId="4" borderId="15" xfId="0" quotePrefix="1" applyFont="1" applyFill="1" applyBorder="1" applyAlignment="1">
      <alignment horizontal="left" vertical="center" wrapText="1"/>
    </xf>
    <xf numFmtId="0" fontId="14" fillId="0" borderId="0" xfId="0" applyFont="1" applyProtection="1">
      <protection hidden="1"/>
    </xf>
    <xf numFmtId="0" fontId="55" fillId="0" borderId="40" xfId="0" applyFont="1" applyBorder="1" applyAlignment="1" applyProtection="1">
      <alignment horizontal="center" vertical="center"/>
      <protection hidden="1"/>
    </xf>
    <xf numFmtId="0" fontId="55" fillId="0" borderId="41" xfId="0" applyFont="1" applyBorder="1" applyAlignment="1" applyProtection="1">
      <alignment horizontal="center" vertical="center"/>
      <protection hidden="1"/>
    </xf>
    <xf numFmtId="0" fontId="60" fillId="0" borderId="41" xfId="0" applyFont="1" applyBorder="1" applyAlignment="1" applyProtection="1">
      <alignment horizontal="center" vertical="center"/>
      <protection hidden="1"/>
    </xf>
    <xf numFmtId="0" fontId="60" fillId="0" borderId="42" xfId="0" applyFont="1" applyBorder="1" applyAlignment="1" applyProtection="1">
      <alignment horizontal="center" vertical="center"/>
      <protection hidden="1"/>
    </xf>
    <xf numFmtId="0" fontId="57" fillId="0" borderId="27" xfId="0" applyFont="1" applyBorder="1" applyAlignment="1" applyProtection="1">
      <alignment horizontal="center" vertical="center"/>
      <protection hidden="1"/>
    </xf>
    <xf numFmtId="0" fontId="57" fillId="0" borderId="57" xfId="0" applyFont="1" applyBorder="1" applyAlignment="1" applyProtection="1">
      <alignment horizontal="center" vertical="center"/>
      <protection hidden="1"/>
    </xf>
    <xf numFmtId="0" fontId="31" fillId="4" borderId="6" xfId="0" quotePrefix="1" applyFont="1" applyFill="1" applyBorder="1" applyAlignment="1">
      <alignment horizontal="left" vertical="center" wrapText="1"/>
    </xf>
    <xf numFmtId="0" fontId="31" fillId="4" borderId="0" xfId="0" quotePrefix="1" applyFont="1" applyFill="1" applyAlignment="1">
      <alignment horizontal="left" vertical="center" wrapText="1"/>
    </xf>
    <xf numFmtId="0" fontId="31" fillId="4" borderId="14" xfId="0" quotePrefix="1" applyFont="1" applyFill="1" applyBorder="1" applyAlignment="1">
      <alignment horizontal="left" vertical="center" wrapText="1"/>
    </xf>
    <xf numFmtId="0" fontId="31" fillId="4" borderId="1" xfId="0" quotePrefix="1" applyFont="1" applyFill="1" applyBorder="1" applyAlignment="1">
      <alignment horizontal="left" vertical="center" wrapText="1"/>
    </xf>
    <xf numFmtId="0" fontId="58" fillId="2" borderId="13" xfId="1" applyFont="1" applyBorder="1" applyAlignment="1">
      <alignment horizontal="left" vertical="top"/>
      <protection locked="0"/>
    </xf>
    <xf numFmtId="0" fontId="58" fillId="2" borderId="21" xfId="1" applyFont="1" applyBorder="1" applyAlignment="1">
      <alignment horizontal="left" vertical="top"/>
      <protection locked="0"/>
    </xf>
    <xf numFmtId="0" fontId="48" fillId="0" borderId="0" xfId="0" applyFont="1" applyAlignment="1" applyProtection="1">
      <alignment horizontal="center"/>
      <protection hidden="1"/>
    </xf>
    <xf numFmtId="0" fontId="49" fillId="0" borderId="0" xfId="0" applyFont="1" applyAlignment="1" applyProtection="1">
      <alignment horizontal="center"/>
      <protection hidden="1"/>
    </xf>
    <xf numFmtId="165" fontId="14" fillId="0" borderId="52" xfId="0" applyNumberFormat="1" applyFont="1" applyBorder="1" applyAlignment="1" applyProtection="1">
      <alignment horizontal="left"/>
      <protection hidden="1"/>
    </xf>
    <xf numFmtId="165" fontId="14" fillId="0" borderId="53" xfId="0" applyNumberFormat="1" applyFont="1" applyBorder="1" applyAlignment="1" applyProtection="1">
      <alignment horizontal="left"/>
      <protection hidden="1"/>
    </xf>
    <xf numFmtId="165" fontId="14" fillId="0" borderId="54" xfId="0" applyNumberFormat="1" applyFont="1" applyBorder="1" applyAlignment="1" applyProtection="1">
      <alignment horizontal="left"/>
      <protection hidden="1"/>
    </xf>
    <xf numFmtId="165" fontId="14" fillId="0" borderId="56" xfId="0" applyNumberFormat="1" applyFont="1" applyBorder="1" applyAlignment="1" applyProtection="1">
      <alignment horizontal="left"/>
      <protection hidden="1"/>
    </xf>
    <xf numFmtId="165" fontId="14" fillId="0" borderId="37" xfId="0" applyNumberFormat="1" applyFont="1" applyBorder="1" applyAlignment="1" applyProtection="1">
      <alignment horizontal="left"/>
      <protection hidden="1"/>
    </xf>
    <xf numFmtId="165" fontId="14" fillId="0" borderId="38" xfId="0" applyNumberFormat="1" applyFont="1" applyBorder="1" applyAlignment="1" applyProtection="1">
      <alignment horizontal="left"/>
      <protection hidden="1"/>
    </xf>
    <xf numFmtId="165" fontId="14" fillId="0" borderId="14" xfId="0" applyNumberFormat="1" applyFont="1" applyBorder="1" applyAlignment="1" applyProtection="1">
      <alignment horizontal="left"/>
      <protection hidden="1"/>
    </xf>
    <xf numFmtId="165" fontId="14" fillId="0" borderId="1" xfId="0" applyNumberFormat="1" applyFont="1" applyBorder="1" applyAlignment="1" applyProtection="1">
      <alignment horizontal="left"/>
      <protection hidden="1"/>
    </xf>
    <xf numFmtId="165" fontId="14" fillId="0" borderId="15" xfId="0" applyNumberFormat="1" applyFont="1" applyBorder="1" applyAlignment="1" applyProtection="1">
      <alignment horizontal="left"/>
      <protection hidden="1"/>
    </xf>
    <xf numFmtId="0" fontId="54" fillId="0" borderId="5" xfId="0" applyFont="1" applyBorder="1" applyAlignment="1" applyProtection="1">
      <alignment horizontal="center"/>
      <protection hidden="1"/>
    </xf>
    <xf numFmtId="0" fontId="54" fillId="0" borderId="2" xfId="0" applyFont="1" applyBorder="1" applyAlignment="1" applyProtection="1">
      <alignment horizontal="center"/>
      <protection hidden="1"/>
    </xf>
    <xf numFmtId="0" fontId="54" fillId="0" borderId="10" xfId="0" applyFont="1" applyBorder="1" applyAlignment="1" applyProtection="1">
      <alignment horizontal="center" vertical="center"/>
      <protection hidden="1"/>
    </xf>
    <xf numFmtId="0" fontId="54" fillId="0" borderId="12" xfId="0" applyFont="1" applyBorder="1" applyAlignment="1" applyProtection="1">
      <alignment horizontal="center" vertical="center"/>
      <protection hidden="1"/>
    </xf>
    <xf numFmtId="0" fontId="54" fillId="0" borderId="33" xfId="0" applyFont="1" applyBorder="1" applyAlignment="1" applyProtection="1">
      <alignment horizontal="center" vertical="center"/>
      <protection hidden="1"/>
    </xf>
    <xf numFmtId="0" fontId="54" fillId="0" borderId="35" xfId="0" applyFont="1" applyBorder="1" applyAlignment="1" applyProtection="1">
      <alignment horizontal="center" vertical="center"/>
      <protection hidden="1"/>
    </xf>
    <xf numFmtId="0" fontId="54" fillId="0" borderId="10" xfId="0" applyFont="1" applyBorder="1" applyAlignment="1" applyProtection="1">
      <alignment horizontal="center"/>
      <protection hidden="1"/>
    </xf>
    <xf numFmtId="0" fontId="54" fillId="0" borderId="33" xfId="0" applyFont="1" applyBorder="1" applyAlignment="1" applyProtection="1">
      <alignment horizontal="center"/>
      <protection hidden="1"/>
    </xf>
    <xf numFmtId="0" fontId="55" fillId="0" borderId="11" xfId="0" applyFont="1" applyBorder="1" applyAlignment="1" applyProtection="1">
      <alignment horizontal="left" vertical="center"/>
      <protection hidden="1"/>
    </xf>
    <xf numFmtId="0" fontId="55" fillId="0" borderId="10" xfId="0" applyFont="1" applyBorder="1" applyAlignment="1" applyProtection="1">
      <alignment horizontal="left" vertical="center"/>
      <protection hidden="1"/>
    </xf>
    <xf numFmtId="0" fontId="55" fillId="0" borderId="12" xfId="0" applyFont="1" applyBorder="1" applyAlignment="1" applyProtection="1">
      <alignment horizontal="left" vertical="center"/>
      <protection hidden="1"/>
    </xf>
    <xf numFmtId="0" fontId="56" fillId="2" borderId="8" xfId="1" applyFont="1" applyBorder="1" applyAlignment="1">
      <alignment horizontal="left" vertical="top" wrapText="1"/>
      <protection locked="0"/>
    </xf>
    <xf numFmtId="0" fontId="56" fillId="2" borderId="3" xfId="1" applyFont="1" applyAlignment="1">
      <alignment horizontal="left" vertical="top" wrapText="1"/>
      <protection locked="0"/>
    </xf>
    <xf numFmtId="0" fontId="56" fillId="2" borderId="9" xfId="1" applyFont="1" applyBorder="1" applyAlignment="1">
      <alignment horizontal="left" vertical="top" wrapText="1"/>
      <protection locked="0"/>
    </xf>
    <xf numFmtId="0" fontId="55" fillId="0" borderId="43" xfId="0" applyFont="1" applyBorder="1" applyAlignment="1" applyProtection="1">
      <alignment horizontal="left"/>
      <protection hidden="1"/>
    </xf>
    <xf numFmtId="0" fontId="55" fillId="0" borderId="44" xfId="0" applyFont="1" applyBorder="1" applyAlignment="1" applyProtection="1">
      <alignment horizontal="left"/>
      <protection hidden="1"/>
    </xf>
    <xf numFmtId="0" fontId="55" fillId="0" borderId="45" xfId="0" applyFont="1" applyBorder="1" applyAlignment="1" applyProtection="1">
      <alignment horizontal="left"/>
      <protection hidden="1"/>
    </xf>
    <xf numFmtId="0" fontId="57" fillId="0" borderId="10" xfId="0" applyFont="1" applyBorder="1" applyAlignment="1" applyProtection="1">
      <alignment horizontal="center" vertical="center"/>
      <protection hidden="1"/>
    </xf>
    <xf numFmtId="0" fontId="57" fillId="0" borderId="33" xfId="0" applyFont="1" applyBorder="1" applyAlignment="1" applyProtection="1">
      <alignment horizontal="center" vertical="center"/>
      <protection hidden="1"/>
    </xf>
    <xf numFmtId="0" fontId="58" fillId="2" borderId="87" xfId="1" applyFont="1" applyBorder="1" applyAlignment="1">
      <alignment horizontal="left" vertical="top" wrapText="1"/>
      <protection locked="0"/>
    </xf>
    <xf numFmtId="0" fontId="58" fillId="2" borderId="88" xfId="1" applyFont="1" applyBorder="1" applyAlignment="1">
      <alignment horizontal="left" vertical="top" wrapText="1"/>
      <protection locked="0"/>
    </xf>
    <xf numFmtId="0" fontId="58" fillId="2" borderId="89" xfId="1" applyFont="1" applyBorder="1" applyAlignment="1">
      <alignment horizontal="left" vertical="top" wrapText="1"/>
      <protection locked="0"/>
    </xf>
    <xf numFmtId="0" fontId="58" fillId="2" borderId="6" xfId="1" applyFont="1" applyBorder="1" applyAlignment="1">
      <alignment horizontal="left" vertical="top" wrapText="1"/>
      <protection locked="0"/>
    </xf>
    <xf numFmtId="0" fontId="58" fillId="2" borderId="0" xfId="1" applyFont="1" applyBorder="1" applyAlignment="1">
      <alignment horizontal="left" vertical="top" wrapText="1"/>
      <protection locked="0"/>
    </xf>
    <xf numFmtId="0" fontId="58" fillId="2" borderId="7" xfId="1" applyFont="1" applyBorder="1" applyAlignment="1">
      <alignment horizontal="left" vertical="top" wrapText="1"/>
      <protection locked="0"/>
    </xf>
    <xf numFmtId="0" fontId="58" fillId="2" borderId="14" xfId="1" applyFont="1" applyBorder="1" applyAlignment="1">
      <alignment horizontal="left" vertical="top" wrapText="1"/>
      <protection locked="0"/>
    </xf>
    <xf numFmtId="0" fontId="58" fillId="2" borderId="1" xfId="1" applyFont="1" applyBorder="1" applyAlignment="1">
      <alignment horizontal="left" vertical="top" wrapText="1"/>
      <protection locked="0"/>
    </xf>
    <xf numFmtId="0" fontId="58" fillId="2" borderId="15" xfId="1" applyFont="1" applyBorder="1" applyAlignment="1">
      <alignment horizontal="left" vertical="top" wrapText="1"/>
      <protection locked="0"/>
    </xf>
    <xf numFmtId="0" fontId="65" fillId="0" borderId="43" xfId="0" applyFont="1" applyBorder="1" applyAlignment="1" applyProtection="1">
      <alignment horizontal="left"/>
      <protection hidden="1"/>
    </xf>
    <xf numFmtId="0" fontId="65" fillId="0" borderId="44" xfId="0" applyFont="1" applyBorder="1" applyAlignment="1" applyProtection="1">
      <alignment horizontal="left"/>
      <protection hidden="1"/>
    </xf>
    <xf numFmtId="0" fontId="65" fillId="0" borderId="45" xfId="0" applyFont="1" applyBorder="1" applyAlignment="1" applyProtection="1">
      <alignment horizontal="left"/>
      <protection hidden="1"/>
    </xf>
    <xf numFmtId="0" fontId="66" fillId="0" borderId="11" xfId="0" applyFont="1" applyBorder="1" applyAlignment="1" applyProtection="1">
      <alignment horizontal="left" vertical="center" wrapText="1"/>
      <protection hidden="1"/>
    </xf>
    <xf numFmtId="0" fontId="66" fillId="0" borderId="10" xfId="0" applyFont="1" applyBorder="1" applyAlignment="1" applyProtection="1">
      <alignment horizontal="left" vertical="center"/>
      <protection hidden="1"/>
    </xf>
    <xf numFmtId="0" fontId="66" fillId="0" borderId="6" xfId="0" applyFont="1" applyBorder="1" applyAlignment="1" applyProtection="1">
      <alignment horizontal="left" vertical="center"/>
      <protection hidden="1"/>
    </xf>
    <xf numFmtId="0" fontId="66" fillId="0" borderId="0" xfId="0" applyFont="1" applyAlignment="1" applyProtection="1">
      <alignment horizontal="left" vertical="center"/>
      <protection hidden="1"/>
    </xf>
    <xf numFmtId="0" fontId="67" fillId="0" borderId="10" xfId="0" applyFont="1" applyBorder="1" applyAlignment="1" applyProtection="1">
      <alignment horizontal="center" vertical="center"/>
      <protection hidden="1"/>
    </xf>
    <xf numFmtId="0" fontId="67" fillId="0" borderId="12" xfId="0" applyFont="1" applyBorder="1" applyAlignment="1" applyProtection="1">
      <alignment horizontal="center" vertical="center"/>
      <protection hidden="1"/>
    </xf>
    <xf numFmtId="0" fontId="67" fillId="0" borderId="0" xfId="0" applyFont="1" applyAlignment="1" applyProtection="1">
      <alignment horizontal="center" vertical="center"/>
      <protection hidden="1"/>
    </xf>
    <xf numFmtId="0" fontId="67" fillId="0" borderId="7" xfId="0" applyFont="1" applyBorder="1" applyAlignment="1" applyProtection="1">
      <alignment horizontal="center" vertical="center"/>
      <protection hidden="1"/>
    </xf>
    <xf numFmtId="0" fontId="66" fillId="0" borderId="6" xfId="0" applyFont="1" applyBorder="1" applyAlignment="1" applyProtection="1">
      <alignment horizontal="left" vertical="center" wrapText="1"/>
      <protection hidden="1"/>
    </xf>
    <xf numFmtId="0" fontId="66" fillId="0" borderId="7" xfId="0" applyFont="1" applyBorder="1" applyAlignment="1" applyProtection="1">
      <alignment horizontal="left" vertical="center"/>
      <protection hidden="1"/>
    </xf>
    <xf numFmtId="0" fontId="66" fillId="0" borderId="58" xfId="0" applyFont="1" applyBorder="1" applyAlignment="1" applyProtection="1">
      <alignment horizontal="left" vertical="center"/>
      <protection hidden="1"/>
    </xf>
    <xf numFmtId="0" fontId="66" fillId="0" borderId="33" xfId="0" applyFont="1" applyBorder="1" applyAlignment="1" applyProtection="1">
      <alignment horizontal="left" vertical="center"/>
      <protection hidden="1"/>
    </xf>
    <xf numFmtId="0" fontId="66" fillId="0" borderId="35" xfId="0" applyFont="1" applyBorder="1" applyAlignment="1" applyProtection="1">
      <alignment horizontal="left" vertical="center"/>
      <protection hidden="1"/>
    </xf>
    <xf numFmtId="0" fontId="3" fillId="2" borderId="43" xfId="1" applyBorder="1" applyAlignment="1">
      <alignment horizontal="center"/>
      <protection locked="0"/>
    </xf>
    <xf numFmtId="0" fontId="3" fillId="2" borderId="44" xfId="1" applyBorder="1" applyAlignment="1">
      <alignment horizontal="center"/>
      <protection locked="0"/>
    </xf>
    <xf numFmtId="0" fontId="3" fillId="2" borderId="45" xfId="1" applyBorder="1" applyAlignment="1">
      <alignment horizontal="center"/>
      <protection locked="0"/>
    </xf>
    <xf numFmtId="0" fontId="4" fillId="0" borderId="50" xfId="3" applyBorder="1" applyAlignment="1" applyProtection="1">
      <alignment horizontal="left"/>
      <protection locked="0"/>
    </xf>
    <xf numFmtId="0" fontId="4" fillId="0" borderId="44" xfId="3" applyBorder="1" applyAlignment="1" applyProtection="1">
      <alignment horizontal="left"/>
      <protection locked="0"/>
    </xf>
    <xf numFmtId="0" fontId="4" fillId="0" borderId="45" xfId="3" applyBorder="1" applyAlignment="1" applyProtection="1">
      <alignment horizontal="left"/>
      <protection locked="0"/>
    </xf>
    <xf numFmtId="0" fontId="11" fillId="0" borderId="20" xfId="0" applyFont="1" applyBorder="1" applyAlignment="1">
      <alignment vertical="center" wrapText="1"/>
    </xf>
    <xf numFmtId="0" fontId="1" fillId="0" borderId="13" xfId="0" applyFont="1" applyBorder="1" applyAlignment="1">
      <alignment vertical="center"/>
    </xf>
    <xf numFmtId="0" fontId="3" fillId="2" borderId="3" xfId="1" applyAlignment="1">
      <alignment horizontal="left" vertical="top" wrapText="1"/>
      <protection locked="0"/>
    </xf>
    <xf numFmtId="0" fontId="3" fillId="2" borderId="9" xfId="1" applyBorder="1" applyAlignment="1">
      <alignment horizontal="left" vertical="top" wrapText="1"/>
      <protection locked="0"/>
    </xf>
    <xf numFmtId="0" fontId="0" fillId="0" borderId="0" xfId="0"/>
    <xf numFmtId="0" fontId="7" fillId="0" borderId="22" xfId="0" applyFont="1" applyBorder="1" applyAlignment="1">
      <alignment horizontal="center"/>
    </xf>
    <xf numFmtId="0" fontId="0" fillId="0" borderId="23" xfId="0" applyBorder="1" applyAlignment="1">
      <alignment horizontal="center"/>
    </xf>
    <xf numFmtId="0" fontId="0" fillId="0" borderId="24" xfId="0" applyBorder="1" applyAlignment="1">
      <alignment horizontal="center"/>
    </xf>
    <xf numFmtId="0" fontId="5" fillId="0" borderId="30" xfId="0" applyFont="1" applyBorder="1" applyAlignment="1">
      <alignment horizontal="center" vertical="center"/>
    </xf>
    <xf numFmtId="0" fontId="5" fillId="0" borderId="29" xfId="0" applyFont="1" applyBorder="1" applyAlignment="1">
      <alignment horizontal="center" vertical="center"/>
    </xf>
    <xf numFmtId="0" fontId="5" fillId="0" borderId="28" xfId="0" applyFont="1" applyBorder="1" applyAlignment="1">
      <alignment horizontal="center" vertical="center"/>
    </xf>
    <xf numFmtId="0" fontId="0" fillId="0" borderId="16" xfId="0" applyBorder="1" applyAlignment="1">
      <alignment horizontal="center"/>
    </xf>
    <xf numFmtId="0" fontId="0" fillId="0" borderId="17" xfId="0" applyBorder="1" applyAlignment="1">
      <alignment horizontal="center"/>
    </xf>
    <xf numFmtId="0" fontId="0" fillId="0" borderId="18" xfId="0" applyBorder="1" applyAlignment="1">
      <alignment horizontal="center"/>
    </xf>
    <xf numFmtId="165" fontId="9" fillId="3" borderId="25" xfId="4" applyNumberFormat="1" applyBorder="1" applyAlignment="1" applyProtection="1">
      <alignment horizontal="center" vertical="top" wrapText="1"/>
      <protection hidden="1"/>
    </xf>
    <xf numFmtId="165" fontId="9" fillId="3" borderId="19" xfId="4" applyNumberFormat="1" applyAlignment="1" applyProtection="1">
      <alignment horizontal="center" vertical="top" wrapText="1"/>
      <protection hidden="1"/>
    </xf>
    <xf numFmtId="165" fontId="9" fillId="3" borderId="26"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8" fillId="0" borderId="6" xfId="0" applyFont="1" applyBorder="1" applyAlignment="1">
      <alignment horizontal="left"/>
    </xf>
    <xf numFmtId="0" fontId="8" fillId="0" borderId="0" xfId="0" applyFont="1" applyAlignment="1">
      <alignment horizontal="left"/>
    </xf>
    <xf numFmtId="0" fontId="8" fillId="0" borderId="7" xfId="0" applyFont="1" applyBorder="1" applyAlignment="1">
      <alignment horizontal="left"/>
    </xf>
    <xf numFmtId="0" fontId="1" fillId="0" borderId="20" xfId="0" applyFont="1" applyBorder="1" applyAlignment="1">
      <alignment horizontal="center" vertical="center"/>
    </xf>
    <xf numFmtId="0" fontId="1" fillId="0" borderId="13" xfId="0" applyFont="1" applyBorder="1" applyAlignment="1">
      <alignment horizontal="center" vertical="center"/>
    </xf>
    <xf numFmtId="0" fontId="10" fillId="0" borderId="13" xfId="0" applyFont="1" applyBorder="1" applyAlignment="1">
      <alignment horizontal="center" vertical="center" wrapText="1"/>
    </xf>
    <xf numFmtId="0" fontId="0" fillId="0" borderId="13" xfId="0" applyBorder="1" applyAlignment="1">
      <alignment horizontal="center" vertical="center"/>
    </xf>
    <xf numFmtId="0" fontId="1" fillId="0" borderId="13" xfId="0" applyFont="1" applyBorder="1" applyAlignment="1">
      <alignment horizontal="center" vertical="center" wrapText="1"/>
    </xf>
    <xf numFmtId="0" fontId="0" fillId="0" borderId="21" xfId="0" applyBorder="1" applyAlignment="1">
      <alignment horizontal="center" vertical="center"/>
    </xf>
    <xf numFmtId="0" fontId="11" fillId="0" borderId="20" xfId="0" applyFont="1" applyBorder="1" applyAlignment="1">
      <alignment horizontal="left" vertical="center" wrapText="1"/>
    </xf>
    <xf numFmtId="0" fontId="1" fillId="0" borderId="13" xfId="0" applyFont="1" applyBorder="1" applyAlignment="1">
      <alignment horizontal="left" vertical="center"/>
    </xf>
    <xf numFmtId="0" fontId="11" fillId="0" borderId="43" xfId="0" applyFont="1" applyBorder="1" applyAlignment="1">
      <alignment horizontal="left" vertical="center" wrapText="1"/>
    </xf>
    <xf numFmtId="0" fontId="11" fillId="0" borderId="59" xfId="0" applyFont="1" applyBorder="1" applyAlignment="1">
      <alignment horizontal="left" vertical="center" wrapText="1"/>
    </xf>
    <xf numFmtId="0" fontId="3" fillId="2" borderId="34" xfId="1" applyBorder="1" applyAlignment="1">
      <alignment horizontal="left" vertical="top" wrapText="1"/>
      <protection locked="0"/>
    </xf>
    <xf numFmtId="0" fontId="3" fillId="2" borderId="32" xfId="1" applyBorder="1" applyAlignment="1">
      <alignment horizontal="left" vertical="top" wrapText="1"/>
      <protection locked="0"/>
    </xf>
    <xf numFmtId="0" fontId="3" fillId="2" borderId="36" xfId="1" applyBorder="1" applyAlignment="1">
      <alignment horizontal="left" vertical="top" wrapText="1"/>
      <protection locked="0"/>
    </xf>
    <xf numFmtId="0" fontId="8" fillId="0" borderId="58" xfId="0" applyFont="1" applyBorder="1" applyAlignment="1">
      <alignment horizontal="left" wrapText="1"/>
    </xf>
    <xf numFmtId="0" fontId="8" fillId="0" borderId="33" xfId="0" applyFont="1" applyBorder="1" applyAlignment="1">
      <alignment horizontal="left" wrapText="1"/>
    </xf>
    <xf numFmtId="0" fontId="8" fillId="0" borderId="35" xfId="0" applyFont="1" applyBorder="1" applyAlignment="1">
      <alignment horizontal="left" wrapText="1"/>
    </xf>
    <xf numFmtId="0" fontId="3" fillId="2" borderId="30" xfId="1" applyBorder="1" applyAlignment="1">
      <alignment horizontal="left" vertical="top" wrapText="1"/>
      <protection locked="0"/>
    </xf>
    <xf numFmtId="0" fontId="3" fillId="2" borderId="29" xfId="1" applyBorder="1" applyAlignment="1">
      <alignment horizontal="left" vertical="top" wrapText="1"/>
      <protection locked="0"/>
    </xf>
    <xf numFmtId="0" fontId="3" fillId="2" borderId="28" xfId="1" applyBorder="1" applyAlignment="1">
      <alignment horizontal="left" vertical="top" wrapText="1"/>
      <protection locked="0"/>
    </xf>
    <xf numFmtId="0" fontId="22" fillId="2" borderId="50" xfId="1" applyFont="1" applyBorder="1" applyAlignment="1">
      <alignment horizontal="left" wrapText="1"/>
      <protection locked="0"/>
    </xf>
    <xf numFmtId="0" fontId="22" fillId="2" borderId="44" xfId="1" applyFont="1" applyBorder="1" applyAlignment="1">
      <alignment horizontal="left" wrapText="1"/>
      <protection locked="0"/>
    </xf>
    <xf numFmtId="0" fontId="22" fillId="2" borderId="45" xfId="1" applyFont="1" applyBorder="1" applyAlignment="1">
      <alignment horizontal="left" wrapText="1"/>
      <protection locked="0"/>
    </xf>
    <xf numFmtId="0" fontId="17" fillId="0" borderId="5" xfId="0" applyFont="1" applyBorder="1" applyAlignment="1">
      <alignment horizontal="center" vertical="center"/>
    </xf>
    <xf numFmtId="0" fontId="17" fillId="0" borderId="2" xfId="0" applyFont="1" applyBorder="1" applyAlignment="1">
      <alignment horizontal="center" vertical="center"/>
    </xf>
    <xf numFmtId="0" fontId="17" fillId="0" borderId="6" xfId="0" applyFont="1" applyBorder="1" applyAlignment="1">
      <alignment horizontal="center" vertical="center"/>
    </xf>
    <xf numFmtId="0" fontId="17" fillId="0" borderId="0" xfId="0" applyFont="1" applyAlignment="1">
      <alignment horizontal="center" vertical="center"/>
    </xf>
    <xf numFmtId="0" fontId="17" fillId="0" borderId="7" xfId="0" applyFont="1" applyBorder="1" applyAlignment="1">
      <alignment horizontal="center" vertical="center"/>
    </xf>
    <xf numFmtId="0" fontId="61" fillId="4" borderId="6" xfId="0" quotePrefix="1" applyFont="1" applyFill="1" applyBorder="1" applyAlignment="1">
      <alignment horizontal="left" vertical="top" wrapText="1"/>
    </xf>
    <xf numFmtId="0" fontId="61" fillId="4" borderId="0" xfId="0" applyFont="1" applyFill="1" applyAlignment="1">
      <alignment horizontal="left" vertical="top" wrapText="1"/>
    </xf>
    <xf numFmtId="0" fontId="61" fillId="4" borderId="7" xfId="0" applyFont="1" applyFill="1" applyBorder="1" applyAlignment="1">
      <alignment horizontal="left" vertical="top" wrapText="1"/>
    </xf>
    <xf numFmtId="0" fontId="62" fillId="4" borderId="14" xfId="3" quotePrefix="1" applyFont="1" applyFill="1" applyBorder="1" applyAlignment="1" applyProtection="1">
      <alignment horizontal="left" vertical="top" wrapText="1"/>
    </xf>
    <xf numFmtId="0" fontId="62" fillId="4" borderId="1" xfId="3" applyFont="1" applyFill="1" applyBorder="1" applyAlignment="1" applyProtection="1">
      <alignment horizontal="left" vertical="top" wrapText="1"/>
    </xf>
    <xf numFmtId="0" fontId="62" fillId="4" borderId="15" xfId="3" applyFont="1" applyFill="1" applyBorder="1" applyAlignment="1" applyProtection="1">
      <alignment horizontal="left" vertical="top" wrapText="1"/>
    </xf>
    <xf numFmtId="49" fontId="22" fillId="2" borderId="13" xfId="1" applyNumberFormat="1" applyFont="1" applyBorder="1" applyAlignment="1">
      <alignment horizontal="left"/>
      <protection locked="0"/>
    </xf>
    <xf numFmtId="49" fontId="22" fillId="2" borderId="21" xfId="1" applyNumberFormat="1" applyFont="1" applyBorder="1" applyAlignment="1">
      <alignment horizontal="left"/>
      <protection locked="0"/>
    </xf>
    <xf numFmtId="49" fontId="22" fillId="2" borderId="50" xfId="1" applyNumberFormat="1" applyFont="1" applyBorder="1" applyAlignment="1">
      <alignment horizontal="left"/>
      <protection locked="0"/>
    </xf>
    <xf numFmtId="49" fontId="22" fillId="2" borderId="44" xfId="1" applyNumberFormat="1" applyFont="1" applyBorder="1" applyAlignment="1">
      <alignment horizontal="left"/>
      <protection locked="0"/>
    </xf>
    <xf numFmtId="49" fontId="22" fillId="2" borderId="45" xfId="1" applyNumberFormat="1" applyFont="1" applyBorder="1" applyAlignment="1">
      <alignment horizontal="left"/>
      <protection locked="0"/>
    </xf>
    <xf numFmtId="0" fontId="14" fillId="0" borderId="50" xfId="0" applyFont="1" applyBorder="1"/>
    <xf numFmtId="0" fontId="14" fillId="0" borderId="44" xfId="0" applyFont="1" applyBorder="1"/>
    <xf numFmtId="0" fontId="14" fillId="0" borderId="45" xfId="0" applyFont="1" applyBorder="1"/>
  </cellXfs>
  <cellStyles count="7">
    <cellStyle name="Calculation" xfId="2" builtinId="22" customBuiltin="1"/>
    <cellStyle name="Comma" xfId="5" builtinId="3"/>
    <cellStyle name="Hyperlink" xfId="3" builtinId="8"/>
    <cellStyle name="Input" xfId="1" builtinId="20" customBuiltin="1"/>
    <cellStyle name="Normal" xfId="0" builtinId="0"/>
    <cellStyle name="Output" xfId="4" builtinId="21"/>
    <cellStyle name="Percent" xfId="6" builtinId="5"/>
  </cellStyles>
  <dxfs count="37">
    <dxf>
      <font>
        <color theme="0"/>
      </font>
    </dxf>
    <dxf>
      <font>
        <color theme="1"/>
      </font>
    </dxf>
    <dxf>
      <font>
        <color theme="0"/>
      </font>
    </dxf>
    <dxf>
      <font>
        <color theme="0"/>
      </font>
    </dxf>
    <dxf>
      <font>
        <color theme="1"/>
      </font>
    </dxf>
    <dxf>
      <font>
        <color theme="0"/>
      </font>
    </dxf>
    <dxf>
      <font>
        <color theme="0"/>
      </font>
    </dxf>
    <dxf>
      <font>
        <color theme="1"/>
      </font>
    </dxf>
    <dxf>
      <font>
        <color theme="0"/>
      </font>
    </dxf>
    <dxf>
      <fill>
        <patternFill>
          <bgColor theme="0"/>
        </patternFill>
      </fill>
    </dxf>
    <dxf>
      <fill>
        <patternFill>
          <bgColor theme="0"/>
        </patternFill>
      </fill>
    </dxf>
    <dxf>
      <fill>
        <patternFill>
          <bgColor theme="9" tint="0.39994506668294322"/>
        </patternFill>
      </fill>
    </dxf>
    <dxf>
      <fill>
        <patternFill>
          <bgColor theme="0"/>
        </patternFill>
      </fill>
    </dxf>
    <dxf>
      <fill>
        <patternFill>
          <bgColor theme="0"/>
        </patternFill>
      </fill>
    </dxf>
    <dxf>
      <fill>
        <patternFill>
          <bgColor theme="9" tint="0.39994506668294322"/>
        </patternFill>
      </fill>
    </dxf>
    <dxf>
      <fill>
        <patternFill>
          <bgColor theme="0"/>
        </patternFill>
      </fill>
    </dxf>
    <dxf>
      <fill>
        <patternFill>
          <bgColor theme="0"/>
        </patternFill>
      </fill>
    </dxf>
    <dxf>
      <fill>
        <patternFill>
          <bgColor theme="9" tint="0.39994506668294322"/>
        </patternFill>
      </fill>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dxf>
    <dxf>
      <fill>
        <patternFill>
          <bgColor theme="3" tint="0.59996337778862885"/>
        </patternFill>
      </fill>
    </dxf>
    <dxf>
      <fill>
        <patternFill>
          <bgColor theme="0"/>
        </patternFill>
      </fill>
      <border>
        <left/>
        <right/>
        <top/>
        <bottom/>
      </border>
    </dxf>
    <dxf>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rgb="FFFFFFFF"/>
        </patternFill>
      </fill>
      <border>
        <left/>
        <right/>
        <top/>
        <bottom/>
        <vertical/>
        <horizontal/>
      </border>
    </dxf>
    <dxf>
      <font>
        <color theme="0"/>
      </font>
      <border>
        <left/>
        <right/>
        <top/>
        <bottom/>
        <vertical/>
        <horizontal/>
      </border>
    </dxf>
    <dxf>
      <font>
        <color auto="1"/>
      </font>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patternFill>
      </fill>
      <border>
        <left/>
        <right/>
        <top/>
        <bottom/>
        <vertical/>
        <horizontal/>
      </border>
    </dxf>
  </dxfs>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18"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17"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sheetMetadata" Target="metadata.xml"/></Relationships>
</file>

<file path=xl/drawings/_rels/drawing1.xml.rels><?xml version="1.0" encoding="UTF-8" standalone="yes"?>
<Relationships xmlns="http://schemas.openxmlformats.org/package/2006/relationships"><Relationship Id="rId3" Type="http://schemas.openxmlformats.org/officeDocument/2006/relationships/hyperlink" Target="#GPA!K40"/><Relationship Id="rId2" Type="http://schemas.openxmlformats.org/officeDocument/2006/relationships/hyperlink" Target="#GPA!A57"/><Relationship Id="rId1" Type="http://schemas.openxmlformats.org/officeDocument/2006/relationships/hyperlink" Target="https://www.dtu.dk/english/education/graduate/admission-and-deadlines/application_procedure/apply/qualifications_mapping/faq-mandatory-template" TargetMode="External"/><Relationship Id="rId6" Type="http://schemas.openxmlformats.org/officeDocument/2006/relationships/image" Target="../media/image2.png"/><Relationship Id="rId5" Type="http://schemas.openxmlformats.org/officeDocument/2006/relationships/image" Target="../media/image1.png"/><Relationship Id="rId4" Type="http://schemas.openxmlformats.org/officeDocument/2006/relationships/hyperlink" Target="#GPA!A141"/></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4</xdr:col>
      <xdr:colOff>323850</xdr:colOff>
      <xdr:row>27</xdr:row>
      <xdr:rowOff>152401</xdr:rowOff>
    </xdr:from>
    <xdr:to>
      <xdr:col>6</xdr:col>
      <xdr:colOff>190500</xdr:colOff>
      <xdr:row>29</xdr:row>
      <xdr:rowOff>47626</xdr:rowOff>
    </xdr:to>
    <xdr:sp macro="" textlink="">
      <xdr:nvSpPr>
        <xdr:cNvPr id="2" name="TextBox 1">
          <a:hlinkClick xmlns:r="http://schemas.openxmlformats.org/officeDocument/2006/relationships" r:id="rId1"/>
          <a:extLst>
            <a:ext uri="{FF2B5EF4-FFF2-40B4-BE49-F238E27FC236}">
              <a16:creationId xmlns:a16="http://schemas.microsoft.com/office/drawing/2014/main" id="{09479696-4B86-4554-8547-F66E8D897A70}"/>
            </a:ext>
          </a:extLst>
        </xdr:cNvPr>
        <xdr:cNvSpPr txBox="1"/>
      </xdr:nvSpPr>
      <xdr:spPr>
        <a:xfrm>
          <a:off x="9553575" y="7572376"/>
          <a:ext cx="2524125" cy="276225"/>
        </a:xfrm>
        <a:prstGeom prst="roundRect">
          <a:avLst/>
        </a:prstGeom>
        <a:solidFill>
          <a:srgbClr val="00B0F0"/>
        </a:solidFill>
        <a:ln w="9525" cmpd="sng">
          <a:noFill/>
          <a:extLst>
            <a:ext uri="{C807C97D-BFC1-408E-A445-0C87EB9F89A2}">
              <ask:lineSketchStyleProps xmlns:ask="http://schemas.microsoft.com/office/drawing/2018/sketchyshapes" sd="2438775663">
                <a:custGeom>
                  <a:avLst/>
                  <a:gdLst>
                    <a:gd name="connsiteX0" fmla="*/ 0 w 6448426"/>
                    <a:gd name="connsiteY0" fmla="*/ 0 h 276225"/>
                    <a:gd name="connsiteX1" fmla="*/ 6448426 w 6448426"/>
                    <a:gd name="connsiteY1" fmla="*/ 0 h 276225"/>
                    <a:gd name="connsiteX2" fmla="*/ 6448426 w 6448426"/>
                    <a:gd name="connsiteY2" fmla="*/ 276225 h 276225"/>
                    <a:gd name="connsiteX3" fmla="*/ 0 w 6448426"/>
                    <a:gd name="connsiteY3" fmla="*/ 276225 h 276225"/>
                    <a:gd name="connsiteX4" fmla="*/ 0 w 644842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48426" h="276225" fill="none" extrusionOk="0">
                      <a:moveTo>
                        <a:pt x="0" y="0"/>
                      </a:moveTo>
                      <a:cubicBezTo>
                        <a:pt x="1934828" y="-47820"/>
                        <a:pt x="4581652" y="41204"/>
                        <a:pt x="6448426" y="0"/>
                      </a:cubicBezTo>
                      <a:cubicBezTo>
                        <a:pt x="6471326" y="32196"/>
                        <a:pt x="6446916" y="146109"/>
                        <a:pt x="6448426" y="276225"/>
                      </a:cubicBezTo>
                      <a:cubicBezTo>
                        <a:pt x="3229608" y="396264"/>
                        <a:pt x="1393939" y="312835"/>
                        <a:pt x="0" y="276225"/>
                      </a:cubicBezTo>
                      <a:cubicBezTo>
                        <a:pt x="-21425" y="216687"/>
                        <a:pt x="20617" y="57250"/>
                        <a:pt x="0" y="0"/>
                      </a:cubicBezTo>
                      <a:close/>
                    </a:path>
                    <a:path w="6448426" h="276225" stroke="0" extrusionOk="0">
                      <a:moveTo>
                        <a:pt x="0" y="0"/>
                      </a:moveTo>
                      <a:cubicBezTo>
                        <a:pt x="1596429" y="142368"/>
                        <a:pt x="5486420" y="-59352"/>
                        <a:pt x="6448426" y="0"/>
                      </a:cubicBezTo>
                      <a:cubicBezTo>
                        <a:pt x="6451868" y="80533"/>
                        <a:pt x="6444902" y="157029"/>
                        <a:pt x="6448426" y="276225"/>
                      </a:cubicBezTo>
                      <a:cubicBezTo>
                        <a:pt x="5369909" y="242874"/>
                        <a:pt x="2700635" y="135797"/>
                        <a:pt x="0" y="276225"/>
                      </a:cubicBezTo>
                      <a:cubicBezTo>
                        <a:pt x="-10770" y="141612"/>
                        <a:pt x="-17222" y="68696"/>
                        <a:pt x="0" y="0"/>
                      </a:cubicBezTo>
                      <a:close/>
                    </a:path>
                  </a:pathLst>
                </a:custGeom>
                <ask:type>
                  <ask:lineSketchNone/>
                </ask:type>
              </ask:lineSketchStyleProps>
            </a:ext>
          </a:extLs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indent="0" algn="ctr"/>
          <a:r>
            <a:rPr lang="en-GB" sz="1400" b="0">
              <a:solidFill>
                <a:schemeClr val="tx1"/>
              </a:solidFill>
              <a:latin typeface="+mj-lt"/>
              <a:ea typeface="+mn-ea"/>
              <a:cs typeface="+mn-cs"/>
            </a:rPr>
            <a:t>Doubts? </a:t>
          </a:r>
          <a:r>
            <a:rPr lang="en-GB" sz="1400" b="1">
              <a:solidFill>
                <a:schemeClr val="bg1"/>
              </a:solidFill>
              <a:latin typeface="+mj-lt"/>
              <a:ea typeface="+mn-ea"/>
              <a:cs typeface="+mn-cs"/>
            </a:rPr>
            <a:t>Check our FAQ</a:t>
          </a:r>
        </a:p>
      </xdr:txBody>
    </xdr:sp>
    <xdr:clientData/>
  </xdr:twoCellAnchor>
  <xdr:twoCellAnchor>
    <xdr:from>
      <xdr:col>0</xdr:col>
      <xdr:colOff>161924</xdr:colOff>
      <xdr:row>25</xdr:row>
      <xdr:rowOff>104776</xdr:rowOff>
    </xdr:from>
    <xdr:to>
      <xdr:col>3</xdr:col>
      <xdr:colOff>1533525</xdr:colOff>
      <xdr:row>27</xdr:row>
      <xdr:rowOff>1</xdr:rowOff>
    </xdr:to>
    <xdr:sp macro="" textlink="">
      <xdr:nvSpPr>
        <xdr:cNvPr id="3" name="TextBox 2">
          <a:hlinkClick xmlns:r="http://schemas.openxmlformats.org/officeDocument/2006/relationships" r:id="rId2"/>
          <a:extLst>
            <a:ext uri="{FF2B5EF4-FFF2-40B4-BE49-F238E27FC236}">
              <a16:creationId xmlns:a16="http://schemas.microsoft.com/office/drawing/2014/main" id="{E3772CA8-05F4-430E-9E7F-3AF6E1ABA778}"/>
            </a:ext>
          </a:extLst>
        </xdr:cNvPr>
        <xdr:cNvSpPr txBox="1"/>
      </xdr:nvSpPr>
      <xdr:spPr>
        <a:xfrm>
          <a:off x="161924" y="7143751"/>
          <a:ext cx="6953251" cy="276225"/>
        </a:xfrm>
        <a:prstGeom prst="roundRect">
          <a:avLst/>
        </a:prstGeom>
        <a:solidFill>
          <a:srgbClr val="00B0F0"/>
        </a:solidFill>
        <a:ln w="9525" cmpd="sng">
          <a:noFill/>
          <a:extLst>
            <a:ext uri="{C807C97D-BFC1-408E-A445-0C87EB9F89A2}">
              <ask:lineSketchStyleProps xmlns:ask="http://schemas.microsoft.com/office/drawing/2018/sketchyshapes" sd="2438775663">
                <a:custGeom>
                  <a:avLst/>
                  <a:gdLst>
                    <a:gd name="connsiteX0" fmla="*/ 0 w 6448426"/>
                    <a:gd name="connsiteY0" fmla="*/ 0 h 276225"/>
                    <a:gd name="connsiteX1" fmla="*/ 6448426 w 6448426"/>
                    <a:gd name="connsiteY1" fmla="*/ 0 h 276225"/>
                    <a:gd name="connsiteX2" fmla="*/ 6448426 w 6448426"/>
                    <a:gd name="connsiteY2" fmla="*/ 276225 h 276225"/>
                    <a:gd name="connsiteX3" fmla="*/ 0 w 6448426"/>
                    <a:gd name="connsiteY3" fmla="*/ 276225 h 276225"/>
                    <a:gd name="connsiteX4" fmla="*/ 0 w 644842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48426" h="276225" fill="none" extrusionOk="0">
                      <a:moveTo>
                        <a:pt x="0" y="0"/>
                      </a:moveTo>
                      <a:cubicBezTo>
                        <a:pt x="1934828" y="-47820"/>
                        <a:pt x="4581652" y="41204"/>
                        <a:pt x="6448426" y="0"/>
                      </a:cubicBezTo>
                      <a:cubicBezTo>
                        <a:pt x="6471326" y="32196"/>
                        <a:pt x="6446916" y="146109"/>
                        <a:pt x="6448426" y="276225"/>
                      </a:cubicBezTo>
                      <a:cubicBezTo>
                        <a:pt x="3229608" y="396264"/>
                        <a:pt x="1393939" y="312835"/>
                        <a:pt x="0" y="276225"/>
                      </a:cubicBezTo>
                      <a:cubicBezTo>
                        <a:pt x="-21425" y="216687"/>
                        <a:pt x="20617" y="57250"/>
                        <a:pt x="0" y="0"/>
                      </a:cubicBezTo>
                      <a:close/>
                    </a:path>
                    <a:path w="6448426" h="276225" stroke="0" extrusionOk="0">
                      <a:moveTo>
                        <a:pt x="0" y="0"/>
                      </a:moveTo>
                      <a:cubicBezTo>
                        <a:pt x="1596429" y="142368"/>
                        <a:pt x="5486420" y="-59352"/>
                        <a:pt x="6448426" y="0"/>
                      </a:cubicBezTo>
                      <a:cubicBezTo>
                        <a:pt x="6451868" y="80533"/>
                        <a:pt x="6444902" y="157029"/>
                        <a:pt x="6448426" y="276225"/>
                      </a:cubicBezTo>
                      <a:cubicBezTo>
                        <a:pt x="5369909" y="242874"/>
                        <a:pt x="2700635" y="135797"/>
                        <a:pt x="0" y="276225"/>
                      </a:cubicBezTo>
                      <a:cubicBezTo>
                        <a:pt x="-10770" y="141612"/>
                        <a:pt x="-17222" y="68696"/>
                        <a:pt x="0" y="0"/>
                      </a:cubicBezTo>
                      <a:close/>
                    </a:path>
                  </a:pathLst>
                </a:custGeom>
                <ask:type>
                  <ask:lineSketchNone/>
                </ask:type>
              </ask:lineSketchStyleProps>
            </a:ext>
          </a:extLs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GB" sz="1400" b="0">
              <a:solidFill>
                <a:schemeClr val="tx1"/>
              </a:solidFill>
              <a:latin typeface="+mj-lt"/>
            </a:rPr>
            <a:t>Fill</a:t>
          </a:r>
          <a:r>
            <a:rPr lang="en-GB" sz="1400" b="0" baseline="0">
              <a:solidFill>
                <a:schemeClr val="tx2">
                  <a:lumMod val="60000"/>
                  <a:lumOff val="40000"/>
                </a:schemeClr>
              </a:solidFill>
              <a:latin typeface="+mj-lt"/>
            </a:rPr>
            <a:t> </a:t>
          </a:r>
          <a:r>
            <a:rPr lang="en-GB" sz="1400" b="1" baseline="0">
              <a:solidFill>
                <a:schemeClr val="bg1"/>
              </a:solidFill>
              <a:latin typeface="+mj-lt"/>
            </a:rPr>
            <a:t>this table</a:t>
          </a:r>
          <a:r>
            <a:rPr lang="en-GB" sz="1400" b="0" baseline="0">
              <a:solidFill>
                <a:schemeClr val="bg1"/>
              </a:solidFill>
              <a:latin typeface="+mj-lt"/>
            </a:rPr>
            <a:t> </a:t>
          </a:r>
          <a:r>
            <a:rPr lang="en-GB" sz="1400" b="0" baseline="0">
              <a:solidFill>
                <a:schemeClr val="tx1"/>
              </a:solidFill>
              <a:latin typeface="+mj-lt"/>
            </a:rPr>
            <a:t>with the Bachelor courses you already took (numerical grades only)!</a:t>
          </a:r>
          <a:endParaRPr lang="en-GB" sz="1400" b="0">
            <a:solidFill>
              <a:schemeClr val="tx1"/>
            </a:solidFill>
            <a:latin typeface="+mj-lt"/>
          </a:endParaRPr>
        </a:p>
      </xdr:txBody>
    </xdr:sp>
    <xdr:clientData/>
  </xdr:twoCellAnchor>
  <xdr:twoCellAnchor>
    <xdr:from>
      <xdr:col>3</xdr:col>
      <xdr:colOff>1724025</xdr:colOff>
      <xdr:row>25</xdr:row>
      <xdr:rowOff>114301</xdr:rowOff>
    </xdr:from>
    <xdr:to>
      <xdr:col>7</xdr:col>
      <xdr:colOff>9525</xdr:colOff>
      <xdr:row>27</xdr:row>
      <xdr:rowOff>9526</xdr:rowOff>
    </xdr:to>
    <xdr:sp macro="" textlink="">
      <xdr:nvSpPr>
        <xdr:cNvPr id="4" name="TextBox 3">
          <a:hlinkClick xmlns:r="http://schemas.openxmlformats.org/officeDocument/2006/relationships" r:id="rId3"/>
          <a:extLst>
            <a:ext uri="{FF2B5EF4-FFF2-40B4-BE49-F238E27FC236}">
              <a16:creationId xmlns:a16="http://schemas.microsoft.com/office/drawing/2014/main" id="{3F0E8443-91E0-48AC-B9AF-5666D8E78B4A}"/>
            </a:ext>
          </a:extLst>
        </xdr:cNvPr>
        <xdr:cNvSpPr txBox="1"/>
      </xdr:nvSpPr>
      <xdr:spPr>
        <a:xfrm>
          <a:off x="7305675" y="7153276"/>
          <a:ext cx="6096000" cy="276225"/>
        </a:xfrm>
        <a:prstGeom prst="roundRect">
          <a:avLst/>
        </a:prstGeom>
        <a:solidFill>
          <a:srgbClr val="00B0F0"/>
        </a:solidFill>
        <a:ln w="9525" cmpd="sng">
          <a:noFill/>
          <a:extLst>
            <a:ext uri="{C807C97D-BFC1-408E-A445-0C87EB9F89A2}">
              <ask:lineSketchStyleProps xmlns:ask="http://schemas.microsoft.com/office/drawing/2018/sketchyshapes" sd="2438775663">
                <a:custGeom>
                  <a:avLst/>
                  <a:gdLst>
                    <a:gd name="connsiteX0" fmla="*/ 0 w 6448426"/>
                    <a:gd name="connsiteY0" fmla="*/ 0 h 276225"/>
                    <a:gd name="connsiteX1" fmla="*/ 6448426 w 6448426"/>
                    <a:gd name="connsiteY1" fmla="*/ 0 h 276225"/>
                    <a:gd name="connsiteX2" fmla="*/ 6448426 w 6448426"/>
                    <a:gd name="connsiteY2" fmla="*/ 276225 h 276225"/>
                    <a:gd name="connsiteX3" fmla="*/ 0 w 6448426"/>
                    <a:gd name="connsiteY3" fmla="*/ 276225 h 276225"/>
                    <a:gd name="connsiteX4" fmla="*/ 0 w 644842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48426" h="276225" fill="none" extrusionOk="0">
                      <a:moveTo>
                        <a:pt x="0" y="0"/>
                      </a:moveTo>
                      <a:cubicBezTo>
                        <a:pt x="1934828" y="-47820"/>
                        <a:pt x="4581652" y="41204"/>
                        <a:pt x="6448426" y="0"/>
                      </a:cubicBezTo>
                      <a:cubicBezTo>
                        <a:pt x="6471326" y="32196"/>
                        <a:pt x="6446916" y="146109"/>
                        <a:pt x="6448426" y="276225"/>
                      </a:cubicBezTo>
                      <a:cubicBezTo>
                        <a:pt x="3229608" y="396264"/>
                        <a:pt x="1393939" y="312835"/>
                        <a:pt x="0" y="276225"/>
                      </a:cubicBezTo>
                      <a:cubicBezTo>
                        <a:pt x="-21425" y="216687"/>
                        <a:pt x="20617" y="57250"/>
                        <a:pt x="0" y="0"/>
                      </a:cubicBezTo>
                      <a:close/>
                    </a:path>
                    <a:path w="6448426" h="276225" stroke="0" extrusionOk="0">
                      <a:moveTo>
                        <a:pt x="0" y="0"/>
                      </a:moveTo>
                      <a:cubicBezTo>
                        <a:pt x="1596429" y="142368"/>
                        <a:pt x="5486420" y="-59352"/>
                        <a:pt x="6448426" y="0"/>
                      </a:cubicBezTo>
                      <a:cubicBezTo>
                        <a:pt x="6451868" y="80533"/>
                        <a:pt x="6444902" y="157029"/>
                        <a:pt x="6448426" y="276225"/>
                      </a:cubicBezTo>
                      <a:cubicBezTo>
                        <a:pt x="5369909" y="242874"/>
                        <a:pt x="2700635" y="135797"/>
                        <a:pt x="0" y="276225"/>
                      </a:cubicBezTo>
                      <a:cubicBezTo>
                        <a:pt x="-10770" y="141612"/>
                        <a:pt x="-17222" y="68696"/>
                        <a:pt x="0" y="0"/>
                      </a:cubicBezTo>
                      <a:close/>
                    </a:path>
                  </a:pathLst>
                </a:custGeom>
                <ask:type>
                  <ask:lineSketchNone/>
                </ask:type>
              </ask:lineSketchStyleProps>
            </a:ext>
          </a:extLs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indent="0" algn="ctr"/>
          <a:r>
            <a:rPr lang="en-GB" sz="1400" b="0">
              <a:solidFill>
                <a:schemeClr val="tx1"/>
              </a:solidFill>
              <a:latin typeface="+mj-lt"/>
              <a:ea typeface="+mn-ea"/>
              <a:cs typeface="+mn-cs"/>
            </a:rPr>
            <a:t>Are you also still taking Bachelor courses? </a:t>
          </a:r>
          <a:r>
            <a:rPr lang="en-GB" sz="1400" b="1">
              <a:solidFill>
                <a:schemeClr val="bg1"/>
              </a:solidFill>
              <a:latin typeface="+mj-lt"/>
              <a:ea typeface="+mn-ea"/>
              <a:cs typeface="+mn-cs"/>
            </a:rPr>
            <a:t>Fill this table!</a:t>
          </a:r>
        </a:p>
      </xdr:txBody>
    </xdr:sp>
    <xdr:clientData/>
  </xdr:twoCellAnchor>
  <xdr:twoCellAnchor>
    <xdr:from>
      <xdr:col>0</xdr:col>
      <xdr:colOff>152399</xdr:colOff>
      <xdr:row>27</xdr:row>
      <xdr:rowOff>142875</xdr:rowOff>
    </xdr:from>
    <xdr:to>
      <xdr:col>3</xdr:col>
      <xdr:colOff>1514475</xdr:colOff>
      <xdr:row>29</xdr:row>
      <xdr:rowOff>38100</xdr:rowOff>
    </xdr:to>
    <xdr:sp macro="" textlink="">
      <xdr:nvSpPr>
        <xdr:cNvPr id="5" name="TextBox 4">
          <a:hlinkClick xmlns:r="http://schemas.openxmlformats.org/officeDocument/2006/relationships" r:id="rId4"/>
          <a:extLst>
            <a:ext uri="{FF2B5EF4-FFF2-40B4-BE49-F238E27FC236}">
              <a16:creationId xmlns:a16="http://schemas.microsoft.com/office/drawing/2014/main" id="{333DF7FF-724D-49F5-8649-34D7C7265258}"/>
            </a:ext>
          </a:extLst>
        </xdr:cNvPr>
        <xdr:cNvSpPr txBox="1"/>
      </xdr:nvSpPr>
      <xdr:spPr>
        <a:xfrm>
          <a:off x="152399" y="7562850"/>
          <a:ext cx="6943726" cy="276225"/>
        </a:xfrm>
        <a:prstGeom prst="roundRect">
          <a:avLst/>
        </a:prstGeom>
        <a:solidFill>
          <a:srgbClr val="00B0F0"/>
        </a:solidFill>
        <a:ln w="9525" cmpd="sng">
          <a:noFill/>
          <a:extLst>
            <a:ext uri="{C807C97D-BFC1-408E-A445-0C87EB9F89A2}">
              <ask:lineSketchStyleProps xmlns:ask="http://schemas.microsoft.com/office/drawing/2018/sketchyshapes" sd="2438775663">
                <a:custGeom>
                  <a:avLst/>
                  <a:gdLst>
                    <a:gd name="connsiteX0" fmla="*/ 0 w 6448426"/>
                    <a:gd name="connsiteY0" fmla="*/ 0 h 276225"/>
                    <a:gd name="connsiteX1" fmla="*/ 6448426 w 6448426"/>
                    <a:gd name="connsiteY1" fmla="*/ 0 h 276225"/>
                    <a:gd name="connsiteX2" fmla="*/ 6448426 w 6448426"/>
                    <a:gd name="connsiteY2" fmla="*/ 276225 h 276225"/>
                    <a:gd name="connsiteX3" fmla="*/ 0 w 6448426"/>
                    <a:gd name="connsiteY3" fmla="*/ 276225 h 276225"/>
                    <a:gd name="connsiteX4" fmla="*/ 0 w 644842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48426" h="276225" fill="none" extrusionOk="0">
                      <a:moveTo>
                        <a:pt x="0" y="0"/>
                      </a:moveTo>
                      <a:cubicBezTo>
                        <a:pt x="1934828" y="-47820"/>
                        <a:pt x="4581652" y="41204"/>
                        <a:pt x="6448426" y="0"/>
                      </a:cubicBezTo>
                      <a:cubicBezTo>
                        <a:pt x="6471326" y="32196"/>
                        <a:pt x="6446916" y="146109"/>
                        <a:pt x="6448426" y="276225"/>
                      </a:cubicBezTo>
                      <a:cubicBezTo>
                        <a:pt x="3229608" y="396264"/>
                        <a:pt x="1393939" y="312835"/>
                        <a:pt x="0" y="276225"/>
                      </a:cubicBezTo>
                      <a:cubicBezTo>
                        <a:pt x="-21425" y="216687"/>
                        <a:pt x="20617" y="57250"/>
                        <a:pt x="0" y="0"/>
                      </a:cubicBezTo>
                      <a:close/>
                    </a:path>
                    <a:path w="6448426" h="276225" stroke="0" extrusionOk="0">
                      <a:moveTo>
                        <a:pt x="0" y="0"/>
                      </a:moveTo>
                      <a:cubicBezTo>
                        <a:pt x="1596429" y="142368"/>
                        <a:pt x="5486420" y="-59352"/>
                        <a:pt x="6448426" y="0"/>
                      </a:cubicBezTo>
                      <a:cubicBezTo>
                        <a:pt x="6451868" y="80533"/>
                        <a:pt x="6444902" y="157029"/>
                        <a:pt x="6448426" y="276225"/>
                      </a:cubicBezTo>
                      <a:cubicBezTo>
                        <a:pt x="5369909" y="242874"/>
                        <a:pt x="2700635" y="135797"/>
                        <a:pt x="0" y="276225"/>
                      </a:cubicBezTo>
                      <a:cubicBezTo>
                        <a:pt x="-10770" y="141612"/>
                        <a:pt x="-17222" y="68696"/>
                        <a:pt x="0" y="0"/>
                      </a:cubicBezTo>
                      <a:close/>
                    </a:path>
                  </a:pathLst>
                </a:custGeom>
                <ask:type>
                  <ask:lineSketchNone/>
                </ask:type>
              </ask:lineSketchStyleProps>
            </a:ext>
          </a:extLs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indent="0" algn="ctr"/>
          <a:r>
            <a:rPr lang="en-GB" sz="1400" b="0">
              <a:solidFill>
                <a:schemeClr val="tx1"/>
              </a:solidFill>
              <a:latin typeface="+mj-lt"/>
              <a:ea typeface="+mn-ea"/>
              <a:cs typeface="+mn-cs"/>
            </a:rPr>
            <a:t>Are your courses Pass/Fail? Or did you get a letter instead? </a:t>
          </a:r>
          <a:r>
            <a:rPr lang="en-GB" sz="1400" b="1">
              <a:solidFill>
                <a:schemeClr val="bg1"/>
              </a:solidFill>
              <a:latin typeface="+mj-lt"/>
              <a:ea typeface="+mn-ea"/>
              <a:cs typeface="+mn-cs"/>
            </a:rPr>
            <a:t>Fill this table!</a:t>
          </a:r>
        </a:p>
      </xdr:txBody>
    </xdr:sp>
    <xdr:clientData/>
  </xdr:twoCellAnchor>
  <xdr:twoCellAnchor editAs="oneCell">
    <xdr:from>
      <xdr:col>0</xdr:col>
      <xdr:colOff>104775</xdr:colOff>
      <xdr:row>0</xdr:row>
      <xdr:rowOff>142875</xdr:rowOff>
    </xdr:from>
    <xdr:to>
      <xdr:col>0</xdr:col>
      <xdr:colOff>689749</xdr:colOff>
      <xdr:row>5</xdr:row>
      <xdr:rowOff>171450</xdr:rowOff>
    </xdr:to>
    <xdr:pic>
      <xdr:nvPicPr>
        <xdr:cNvPr id="9" name="Picture 8">
          <a:extLst>
            <a:ext uri="{FF2B5EF4-FFF2-40B4-BE49-F238E27FC236}">
              <a16:creationId xmlns:a16="http://schemas.microsoft.com/office/drawing/2014/main" id="{F1F59B59-5F92-4F32-8DD6-9A6D101C6DB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104775" y="142875"/>
          <a:ext cx="584974"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7</xdr:col>
      <xdr:colOff>38100</xdr:colOff>
      <xdr:row>8</xdr:row>
      <xdr:rowOff>152400</xdr:rowOff>
    </xdr:from>
    <xdr:to>
      <xdr:col>10</xdr:col>
      <xdr:colOff>885461</xdr:colOff>
      <xdr:row>12</xdr:row>
      <xdr:rowOff>76113</xdr:rowOff>
    </xdr:to>
    <xdr:pic>
      <xdr:nvPicPr>
        <xdr:cNvPr id="10" name="Picture 9">
          <a:extLst>
            <a:ext uri="{FF2B5EF4-FFF2-40B4-BE49-F238E27FC236}">
              <a16:creationId xmlns:a16="http://schemas.microsoft.com/office/drawing/2014/main" id="{820CDF28-B28B-0754-7DCA-5A27C868273C}"/>
            </a:ext>
          </a:extLst>
        </xdr:cNvPr>
        <xdr:cNvPicPr>
          <a:picLocks noChangeAspect="1"/>
        </xdr:cNvPicPr>
      </xdr:nvPicPr>
      <xdr:blipFill>
        <a:blip xmlns:r="http://schemas.openxmlformats.org/officeDocument/2006/relationships" r:embed="rId6"/>
        <a:stretch>
          <a:fillRect/>
        </a:stretch>
      </xdr:blipFill>
      <xdr:spPr>
        <a:xfrm>
          <a:off x="13430250" y="3581400"/>
          <a:ext cx="2914286" cy="695238"/>
        </a:xfrm>
        <a:prstGeom prst="rect">
          <a:avLst/>
        </a:prstGeom>
      </xdr:spPr>
    </xdr:pic>
    <xdr:clientData/>
  </xdr:twoCellAnchor>
  <xdr:twoCellAnchor>
    <xdr:from>
      <xdr:col>4</xdr:col>
      <xdr:colOff>1676399</xdr:colOff>
      <xdr:row>36</xdr:row>
      <xdr:rowOff>2314575</xdr:rowOff>
    </xdr:from>
    <xdr:to>
      <xdr:col>5</xdr:col>
      <xdr:colOff>533399</xdr:colOff>
      <xdr:row>37</xdr:row>
      <xdr:rowOff>219076</xdr:rowOff>
    </xdr:to>
    <xdr:sp macro="" textlink="">
      <xdr:nvSpPr>
        <xdr:cNvPr id="6" name="Arc 5">
          <a:extLst>
            <a:ext uri="{FF2B5EF4-FFF2-40B4-BE49-F238E27FC236}">
              <a16:creationId xmlns:a16="http://schemas.microsoft.com/office/drawing/2014/main" id="{99D50344-44A3-223B-4922-9414A06B2B8D}"/>
            </a:ext>
          </a:extLst>
        </xdr:cNvPr>
        <xdr:cNvSpPr/>
      </xdr:nvSpPr>
      <xdr:spPr>
        <a:xfrm>
          <a:off x="10906124" y="11677650"/>
          <a:ext cx="904875" cy="295276"/>
        </a:xfrm>
        <a:custGeom>
          <a:avLst/>
          <a:gdLst>
            <a:gd name="csX0" fmla="*/ 452437 w 904875"/>
            <a:gd name="csY0" fmla="*/ 0 h 295276"/>
            <a:gd name="csX1" fmla="*/ 904005 w 904875"/>
            <a:gd name="csY1" fmla="*/ 138488 h 295276"/>
            <a:gd name="csX2" fmla="*/ 458421 w 904875"/>
            <a:gd name="csY2" fmla="*/ 295263 h 295276"/>
            <a:gd name="csX3" fmla="*/ 452438 w 904875"/>
            <a:gd name="csY3" fmla="*/ 147638 h 295276"/>
            <a:gd name="csX4" fmla="*/ 452437 w 904875"/>
            <a:gd name="csY4" fmla="*/ 0 h 295276"/>
            <a:gd name="csX0" fmla="*/ 452437 w 904875"/>
            <a:gd name="csY0" fmla="*/ 0 h 295276"/>
            <a:gd name="csX1" fmla="*/ 904005 w 904875"/>
            <a:gd name="csY1" fmla="*/ 138488 h 295276"/>
            <a:gd name="csX2" fmla="*/ 458421 w 904875"/>
            <a:gd name="csY2" fmla="*/ 295263 h 295276"/>
          </a:gdLst>
          <a:ahLst/>
          <a:cxnLst>
            <a:cxn ang="0">
              <a:pos x="csX0" y="csY0"/>
            </a:cxn>
            <a:cxn ang="0">
              <a:pos x="csX1" y="csY1"/>
            </a:cxn>
            <a:cxn ang="0">
              <a:pos x="csX2" y="csY2"/>
            </a:cxn>
          </a:cxnLst>
          <a:rect l="l" t="t" r="r" b="b"/>
          <a:pathLst>
            <a:path w="904875" h="295276" stroke="0" extrusionOk="0">
              <a:moveTo>
                <a:pt x="452437" y="0"/>
              </a:moveTo>
              <a:cubicBezTo>
                <a:pt x="685541" y="-3629"/>
                <a:pt x="881283" y="63622"/>
                <a:pt x="904005" y="138488"/>
              </a:cubicBezTo>
              <a:cubicBezTo>
                <a:pt x="948656" y="228718"/>
                <a:pt x="704130" y="294554"/>
                <a:pt x="458421" y="295263"/>
              </a:cubicBezTo>
              <a:cubicBezTo>
                <a:pt x="440645" y="265630"/>
                <a:pt x="469829" y="193132"/>
                <a:pt x="452438" y="147638"/>
              </a:cubicBezTo>
              <a:cubicBezTo>
                <a:pt x="452541" y="106492"/>
                <a:pt x="450644" y="43438"/>
                <a:pt x="452437" y="0"/>
              </a:cubicBezTo>
              <a:close/>
            </a:path>
            <a:path w="904875" h="295276" fill="none" extrusionOk="0">
              <a:moveTo>
                <a:pt x="452437" y="0"/>
              </a:moveTo>
              <a:cubicBezTo>
                <a:pt x="699535" y="1446"/>
                <a:pt x="885026" y="67548"/>
                <a:pt x="904005" y="138488"/>
              </a:cubicBezTo>
              <a:cubicBezTo>
                <a:pt x="917069" y="219259"/>
                <a:pt x="722835" y="334960"/>
                <a:pt x="458421" y="295263"/>
              </a:cubicBezTo>
            </a:path>
            <a:path w="904875" h="295276" fill="none" stroke="0" extrusionOk="0">
              <a:moveTo>
                <a:pt x="452437" y="0"/>
              </a:moveTo>
              <a:cubicBezTo>
                <a:pt x="692525" y="-4076"/>
                <a:pt x="882918" y="56538"/>
                <a:pt x="904005" y="138488"/>
              </a:cubicBezTo>
              <a:cubicBezTo>
                <a:pt x="931535" y="203964"/>
                <a:pt x="692495" y="315627"/>
                <a:pt x="458421" y="295263"/>
              </a:cubicBezTo>
            </a:path>
          </a:pathLst>
        </a:custGeom>
        <a:ln>
          <a:solidFill>
            <a:schemeClr val="tx1"/>
          </a:solidFill>
          <a:tailEnd type="triangle"/>
          <a:extLst>
            <a:ext uri="{C807C97D-BFC1-408E-A445-0C87EB9F89A2}">
              <ask:lineSketchStyleProps xmlns:ask="http://schemas.microsoft.com/office/drawing/2018/sketchyshapes" sd="1219033472">
                <a:prstGeom prst="arc">
                  <a:avLst>
                    <a:gd name="adj1" fmla="val 16200000"/>
                    <a:gd name="adj2" fmla="val 5260708"/>
                  </a:avLst>
                </a:prstGeom>
                <ask:type>
                  <ask:lineSketchScribble/>
                </ask:type>
              </ask:lineSketchStyleProps>
            </a:ext>
          </a:extLst>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GB" sz="1100"/>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104775</xdr:colOff>
      <xdr:row>0</xdr:row>
      <xdr:rowOff>142875</xdr:rowOff>
    </xdr:from>
    <xdr:to>
      <xdr:col>0</xdr:col>
      <xdr:colOff>689749</xdr:colOff>
      <xdr:row>5</xdr:row>
      <xdr:rowOff>171450</xdr:rowOff>
    </xdr:to>
    <xdr:pic>
      <xdr:nvPicPr>
        <xdr:cNvPr id="6" name="Picture 5">
          <a:extLst>
            <a:ext uri="{FF2B5EF4-FFF2-40B4-BE49-F238E27FC236}">
              <a16:creationId xmlns:a16="http://schemas.microsoft.com/office/drawing/2014/main" id="{7FB76447-F561-4F18-A1DF-9B21FD000969}"/>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4775" y="142875"/>
          <a:ext cx="584974" cy="1095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04775</xdr:colOff>
      <xdr:row>0</xdr:row>
      <xdr:rowOff>142875</xdr:rowOff>
    </xdr:from>
    <xdr:to>
      <xdr:col>0</xdr:col>
      <xdr:colOff>689749</xdr:colOff>
      <xdr:row>5</xdr:row>
      <xdr:rowOff>144236</xdr:rowOff>
    </xdr:to>
    <xdr:pic>
      <xdr:nvPicPr>
        <xdr:cNvPr id="6" name="Picture 5">
          <a:extLst>
            <a:ext uri="{FF2B5EF4-FFF2-40B4-BE49-F238E27FC236}">
              <a16:creationId xmlns:a16="http://schemas.microsoft.com/office/drawing/2014/main" id="{52B2A3BC-F357-4ED5-B7AA-560C4F83E67E}"/>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4775" y="142875"/>
          <a:ext cx="584974" cy="1095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hyperlink" Target="https://www.dtu.dk/english/education/graduate/admission-and-deadlines/application_procedure/apply/qualifications_mapping/converting-to-ects" TargetMode="External"/></Relationships>
</file>

<file path=xl/worksheets/_rels/sheet2.xml.rels><?xml version="1.0" encoding="UTF-8" standalone="yes"?>
<Relationships xmlns="http://schemas.openxmlformats.org/package/2006/relationships"><Relationship Id="rId3" Type="http://schemas.openxmlformats.org/officeDocument/2006/relationships/hyperlink" Target="https://kurser.dtu.dk/course/2024-2025/01004" TargetMode="External"/><Relationship Id="rId2" Type="http://schemas.openxmlformats.org/officeDocument/2006/relationships/hyperlink" Target="https://kurser.dtu.dk/course/2024-2025/02402" TargetMode="External"/><Relationship Id="rId1" Type="http://schemas.openxmlformats.org/officeDocument/2006/relationships/hyperlink" Target="https://kurser.dtu.dk/course/2024-2025/01003" TargetMode="External"/><Relationship Id="rId6" Type="http://schemas.openxmlformats.org/officeDocument/2006/relationships/drawing" Target="../drawings/drawing2.xml"/><Relationship Id="rId5" Type="http://schemas.openxmlformats.org/officeDocument/2006/relationships/hyperlink" Target="https://kurser.dtu.dk/course/2024-2025/10063" TargetMode="External"/><Relationship Id="rId4" Type="http://schemas.openxmlformats.org/officeDocument/2006/relationships/hyperlink" Target="https://kurser.dtu.dk/course/2024-2025/%2002003" TargetMode="Externa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5.xml.rels><?xml version="1.0" encoding="UTF-8" standalone="yes"?>
<Relationships xmlns="http://schemas.openxmlformats.org/package/2006/relationships"><Relationship Id="rId2" Type="http://schemas.openxmlformats.org/officeDocument/2006/relationships/hyperlink" Target="https://www.dtu.dk/english/education/graduate/msc-programmes/sustainable-energy-systems/specialization" TargetMode="External"/><Relationship Id="rId1" Type="http://schemas.openxmlformats.org/officeDocument/2006/relationships/hyperlink" Target="http://kurser.dtu.dk/" TargetMode="External"/></Relationships>
</file>

<file path=xl/worksheets/_rels/sheet7.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4881A9-9F02-4DC2-BF39-CA3E171BD61C}">
  <sheetPr>
    <tabColor rgb="FF00B050"/>
    <pageSetUpPr fitToPage="1"/>
  </sheetPr>
  <dimension ref="A3:Z270"/>
  <sheetViews>
    <sheetView showGridLines="0" zoomScaleNormal="100" workbookViewId="0">
      <selection activeCell="A7" sqref="A7:L7"/>
    </sheetView>
  </sheetViews>
  <sheetFormatPr defaultColWidth="9.140625" defaultRowHeight="14.25"/>
  <cols>
    <col min="1" max="1" width="61.85546875" style="17" customWidth="1"/>
    <col min="2" max="2" width="11" style="17" customWidth="1"/>
    <col min="3" max="3" width="10.85546875" style="17" customWidth="1"/>
    <col min="4" max="4" width="54.7109375" style="17" customWidth="1"/>
    <col min="5" max="5" width="30.7109375" style="17" customWidth="1"/>
    <col min="6" max="6" width="9.140625" style="17"/>
    <col min="7" max="7" width="22.5703125" style="17" customWidth="1"/>
    <col min="8" max="8" width="9.140625" style="17"/>
    <col min="9" max="9" width="9.140625" style="17" customWidth="1"/>
    <col min="10" max="10" width="12.7109375" style="17" customWidth="1"/>
    <col min="11" max="11" width="47.42578125" style="17" customWidth="1"/>
    <col min="12" max="12" width="8.5703125" style="17" customWidth="1"/>
    <col min="13" max="13" width="10.5703125" style="17" customWidth="1"/>
    <col min="14" max="14" width="20.140625" style="17" customWidth="1"/>
    <col min="15" max="15" width="9.42578125" style="17" customWidth="1"/>
    <col min="16" max="16" width="52.140625" style="17" customWidth="1"/>
    <col min="17" max="17" width="27.7109375" style="17" customWidth="1"/>
    <col min="18" max="19" width="9.140625" style="17"/>
    <col min="20" max="20" width="50.7109375" style="17" bestFit="1" customWidth="1"/>
    <col min="21" max="21" width="8.42578125" style="17" bestFit="1" customWidth="1"/>
    <col min="22" max="25" width="9.140625" style="17"/>
    <col min="26" max="26" width="9.140625" style="18"/>
    <col min="27" max="16384" width="9.140625" style="17"/>
  </cols>
  <sheetData>
    <row r="3" spans="1:26" ht="25.5">
      <c r="A3" s="83" t="s">
        <v>548</v>
      </c>
      <c r="B3" s="83"/>
      <c r="C3" s="83"/>
      <c r="D3" s="83"/>
      <c r="E3" s="83"/>
      <c r="F3" s="83"/>
      <c r="G3" s="83"/>
      <c r="H3" s="83"/>
      <c r="I3" s="83"/>
      <c r="J3" s="83"/>
      <c r="K3" s="83"/>
      <c r="M3" s="19"/>
      <c r="N3" s="19"/>
    </row>
    <row r="4" spans="1:26" ht="15" customHeight="1">
      <c r="A4" s="140"/>
      <c r="B4" s="140"/>
      <c r="C4" s="140"/>
      <c r="D4" s="140"/>
      <c r="E4" s="140"/>
      <c r="F4" s="140"/>
      <c r="G4" s="140"/>
      <c r="H4" s="140"/>
      <c r="I4" s="140"/>
      <c r="J4" s="140"/>
      <c r="K4" s="20"/>
      <c r="L4" s="20"/>
      <c r="M4" s="19"/>
      <c r="N4" s="19"/>
    </row>
    <row r="5" spans="1:26" ht="15" customHeight="1">
      <c r="A5" s="140"/>
      <c r="B5" s="140"/>
      <c r="C5" s="140"/>
      <c r="D5" s="140"/>
      <c r="E5" s="140"/>
      <c r="F5" s="140"/>
      <c r="G5" s="140"/>
      <c r="H5" s="140"/>
      <c r="I5" s="140"/>
      <c r="J5" s="140"/>
      <c r="K5" s="20"/>
      <c r="L5" s="20"/>
      <c r="M5" s="19"/>
      <c r="N5" s="19"/>
    </row>
    <row r="6" spans="1:26" ht="15" customHeight="1">
      <c r="A6" s="140"/>
      <c r="B6" s="140"/>
      <c r="C6" s="140"/>
      <c r="D6" s="140"/>
      <c r="E6" s="140"/>
      <c r="F6" s="140"/>
      <c r="G6" s="140"/>
      <c r="H6" s="140"/>
      <c r="I6" s="140"/>
      <c r="J6" s="140"/>
      <c r="K6" s="20"/>
      <c r="L6" s="20"/>
      <c r="M6" s="19"/>
      <c r="N6" s="19"/>
    </row>
    <row r="7" spans="1:26" ht="117.75" customHeight="1">
      <c r="A7" s="141" t="s">
        <v>546</v>
      </c>
      <c r="B7" s="141"/>
      <c r="C7" s="141"/>
      <c r="D7" s="141"/>
      <c r="E7" s="141"/>
      <c r="F7" s="141"/>
      <c r="G7" s="141"/>
      <c r="H7" s="141"/>
      <c r="I7" s="141"/>
      <c r="J7" s="141"/>
      <c r="K7" s="141"/>
      <c r="L7" s="141"/>
      <c r="M7" s="19"/>
      <c r="N7" s="19"/>
    </row>
    <row r="8" spans="1:26" customFormat="1" ht="53.25" customHeight="1">
      <c r="Z8" s="21"/>
    </row>
    <row r="9" spans="1:26" ht="15.75" customHeight="1">
      <c r="A9" s="22" t="s">
        <v>375</v>
      </c>
      <c r="B9" s="23"/>
      <c r="C9" s="23"/>
      <c r="D9" s="23"/>
      <c r="E9" s="23"/>
      <c r="F9" s="23"/>
      <c r="G9" s="23"/>
      <c r="H9" s="23"/>
      <c r="I9" s="23"/>
      <c r="J9" s="23"/>
      <c r="K9" s="23"/>
      <c r="L9" s="18" t="s">
        <v>345</v>
      </c>
      <c r="M9" s="18"/>
      <c r="Z9" s="13" t="s">
        <v>342</v>
      </c>
    </row>
    <row r="10" spans="1:26" ht="15">
      <c r="A10" s="17" t="s">
        <v>263</v>
      </c>
      <c r="B10" s="143"/>
      <c r="C10" s="144"/>
      <c r="D10" s="144"/>
      <c r="E10" s="144"/>
      <c r="F10" s="144"/>
      <c r="G10" s="145"/>
      <c r="H10"/>
      <c r="I10"/>
      <c r="J10"/>
      <c r="K10" s="24"/>
      <c r="L10" s="18" t="s">
        <v>310</v>
      </c>
      <c r="M10" s="18"/>
      <c r="N10" s="19"/>
      <c r="O10" s="19"/>
      <c r="P10" s="19"/>
      <c r="Q10" s="19"/>
      <c r="R10" s="19"/>
      <c r="S10" s="19"/>
      <c r="Z10" s="13" t="s">
        <v>343</v>
      </c>
    </row>
    <row r="11" spans="1:26" ht="15">
      <c r="A11" s="17" t="s">
        <v>261</v>
      </c>
      <c r="B11" s="143"/>
      <c r="C11" s="144"/>
      <c r="D11" s="144"/>
      <c r="E11" s="144"/>
      <c r="F11" s="144"/>
      <c r="G11" s="145"/>
      <c r="H11"/>
      <c r="I11"/>
      <c r="J11"/>
      <c r="K11" s="24"/>
      <c r="L11" s="18" t="s">
        <v>311</v>
      </c>
      <c r="M11" s="18"/>
      <c r="N11" s="19"/>
      <c r="O11" s="19"/>
      <c r="P11" s="19"/>
      <c r="Q11" s="19"/>
      <c r="R11" s="19"/>
      <c r="S11" s="19"/>
      <c r="Z11" s="13" t="s">
        <v>344</v>
      </c>
    </row>
    <row r="12" spans="1:26" ht="15">
      <c r="A12" s="17" t="s">
        <v>262</v>
      </c>
      <c r="B12" s="143"/>
      <c r="C12" s="144"/>
      <c r="D12" s="144"/>
      <c r="E12" s="144"/>
      <c r="F12" s="144"/>
      <c r="G12" s="145"/>
      <c r="H12"/>
      <c r="I12"/>
      <c r="J12"/>
      <c r="K12" s="24"/>
      <c r="L12" s="18" t="s">
        <v>376</v>
      </c>
      <c r="M12" s="18"/>
      <c r="N12" s="19"/>
      <c r="O12" s="19"/>
      <c r="P12" s="19"/>
      <c r="Q12" s="19"/>
      <c r="R12" s="19"/>
      <c r="S12" s="19"/>
      <c r="Z12" s="13" t="s">
        <v>345</v>
      </c>
    </row>
    <row r="13" spans="1:26" ht="15">
      <c r="H13"/>
      <c r="I13"/>
      <c r="J13"/>
      <c r="L13" s="18" t="s">
        <v>377</v>
      </c>
      <c r="N13" s="19"/>
      <c r="O13" s="19"/>
      <c r="P13" s="19"/>
      <c r="Q13" s="19"/>
      <c r="R13" s="19"/>
      <c r="S13" s="19"/>
      <c r="Z13" s="13" t="s">
        <v>346</v>
      </c>
    </row>
    <row r="14" spans="1:26" ht="15">
      <c r="A14" s="25" t="s">
        <v>378</v>
      </c>
      <c r="H14"/>
      <c r="I14"/>
      <c r="J14"/>
      <c r="L14" s="18" t="s">
        <v>379</v>
      </c>
      <c r="N14" s="19"/>
      <c r="O14" s="19"/>
      <c r="P14" s="19"/>
      <c r="Q14" s="19"/>
      <c r="R14" s="19"/>
      <c r="S14" s="19"/>
    </row>
    <row r="15" spans="1:26" ht="15">
      <c r="A15" s="17" t="s">
        <v>259</v>
      </c>
      <c r="B15" s="143"/>
      <c r="C15" s="144"/>
      <c r="D15" s="144"/>
      <c r="E15" s="144"/>
      <c r="F15" s="144"/>
      <c r="G15" s="145"/>
      <c r="H15"/>
      <c r="I15"/>
      <c r="J15"/>
      <c r="K15" s="24"/>
      <c r="L15" s="18"/>
      <c r="N15" s="19"/>
      <c r="O15" s="19"/>
      <c r="P15" s="19"/>
      <c r="Q15" s="19"/>
      <c r="R15" s="19"/>
      <c r="S15" s="19"/>
    </row>
    <row r="16" spans="1:26" ht="15">
      <c r="A16" s="17" t="s">
        <v>347</v>
      </c>
      <c r="B16" s="143"/>
      <c r="C16" s="144"/>
      <c r="D16" s="144"/>
      <c r="E16" s="144"/>
      <c r="F16" s="144"/>
      <c r="G16" s="145"/>
      <c r="H16"/>
      <c r="I16"/>
      <c r="J16"/>
      <c r="K16" s="24"/>
      <c r="L16" s="18"/>
      <c r="N16" s="19"/>
      <c r="O16" s="19"/>
      <c r="P16" s="19"/>
      <c r="Q16" s="19"/>
      <c r="R16" s="19"/>
      <c r="S16" s="19"/>
    </row>
    <row r="17" spans="1:26" ht="15.75" customHeight="1">
      <c r="A17" s="17" t="s">
        <v>264</v>
      </c>
      <c r="B17" s="72"/>
      <c r="C17" s="24"/>
      <c r="I17" s="19"/>
      <c r="J17" s="19"/>
      <c r="K17" s="19"/>
      <c r="L17" s="26"/>
      <c r="M17" s="19"/>
      <c r="N17" s="19"/>
    </row>
    <row r="18" spans="1:26" ht="15" customHeight="1">
      <c r="A18" s="17" t="s">
        <v>260</v>
      </c>
      <c r="B18" s="72"/>
      <c r="C18" s="24"/>
      <c r="G18" s="142" t="s">
        <v>380</v>
      </c>
      <c r="H18" s="142"/>
      <c r="I18" s="19"/>
      <c r="K18" s="19"/>
      <c r="L18" s="19"/>
      <c r="M18" s="19"/>
      <c r="N18" s="19"/>
    </row>
    <row r="19" spans="1:26" ht="28.5" customHeight="1">
      <c r="A19" s="30" t="s">
        <v>568</v>
      </c>
      <c r="B19" s="72"/>
      <c r="E19" s="28" t="s">
        <v>381</v>
      </c>
      <c r="F19" s="29"/>
      <c r="G19" s="30"/>
      <c r="H19" s="73"/>
      <c r="I19" s="31" t="s">
        <v>295</v>
      </c>
      <c r="J19" s="32" t="str">
        <f>IFERROR(IF(SUM(ISNUMBER(B40),ISNUMBER(C40),ISNUMBER(B41),ISNUMBER(C41),ISNUMBER(C42),ISNUMBER(B42))=6,SUMPRODUCT(B40:B139,C40:C139)/SUM(B40:B139)," ")," ")</f>
        <v xml:space="preserve"> </v>
      </c>
      <c r="K19" s="139" t="s">
        <v>524</v>
      </c>
      <c r="L19" s="139"/>
      <c r="M19" s="139"/>
      <c r="N19" s="139"/>
      <c r="O19" s="139"/>
      <c r="R19" s="33"/>
    </row>
    <row r="20" spans="1:26" ht="30" customHeight="1">
      <c r="A20" s="34" t="s">
        <v>382</v>
      </c>
      <c r="E20" s="81" t="s">
        <v>522</v>
      </c>
      <c r="F20" s="138"/>
      <c r="G20" s="138"/>
      <c r="I20" s="31" t="s">
        <v>523</v>
      </c>
      <c r="J20" s="32" t="str" cm="1">
        <f t="array" ref="J20">IFERROR(IF(SUM(ISNUMBER(B40),ISNUMBER(C40),ISNUMBER(B41),ISNUMBER(C41),ISNUMBER(C42),ISNUMBER(B42))=6,SUMPRODUCT(B40:B139,(B22-C40:C139)/(B22-B24))/SUM(B40:B139)*100,""),"")</f>
        <v/>
      </c>
      <c r="K20" s="139"/>
      <c r="L20" s="139"/>
      <c r="M20" s="139"/>
      <c r="N20" s="139"/>
      <c r="O20" s="139"/>
    </row>
    <row r="21" spans="1:26" ht="15">
      <c r="A21" s="17" t="s">
        <v>383</v>
      </c>
      <c r="B21" s="72"/>
      <c r="C21" s="35" t="s">
        <v>384</v>
      </c>
      <c r="K21" s="36"/>
    </row>
    <row r="22" spans="1:26" ht="15">
      <c r="A22" s="37" t="s">
        <v>385</v>
      </c>
      <c r="B22" s="38"/>
      <c r="C22" s="19" t="str">
        <f>IF(B21="Letters", "Please convert your grades:", IF(OR(B21="Pass/Fail"), "Leave these cells blank", ""))</f>
        <v/>
      </c>
      <c r="J22" s="19"/>
      <c r="K22" s="39" t="s">
        <v>293</v>
      </c>
      <c r="Z22" s="74" t="s">
        <v>3</v>
      </c>
    </row>
    <row r="23" spans="1:26" ht="15">
      <c r="A23" s="40" t="s">
        <v>386</v>
      </c>
      <c r="B23" s="38"/>
      <c r="C23" s="19" t="str">
        <f>IF(B21="Letters", "Example: If your grades are from A(min) to E(max), you should type 1 to 5", IF(OR(B21="Pass/Fail"), "Leave these cells blank", ""))</f>
        <v/>
      </c>
      <c r="F23" s="41"/>
      <c r="H23" s="41"/>
      <c r="I23" s="42"/>
      <c r="J23" s="19"/>
      <c r="K23" s="39" t="s">
        <v>294</v>
      </c>
      <c r="Z23" s="74" t="s">
        <v>4</v>
      </c>
    </row>
    <row r="24" spans="1:26" s="19" customFormat="1" ht="15">
      <c r="A24" s="43" t="s">
        <v>387</v>
      </c>
      <c r="B24" s="44"/>
      <c r="C24" s="19" t="str">
        <f>IF(B21="Letters", "", IF(OR(B21="Pass/Fail"), "Leave these cells blank", ""))</f>
        <v/>
      </c>
      <c r="Z24" s="74" t="s">
        <v>5</v>
      </c>
    </row>
    <row r="25" spans="1:26" s="19" customFormat="1" ht="15">
      <c r="Z25" s="74" t="s">
        <v>6</v>
      </c>
    </row>
    <row r="26" spans="1:26" s="19" customFormat="1" ht="15">
      <c r="A26" s="17"/>
      <c r="Z26" s="74" t="s">
        <v>7</v>
      </c>
    </row>
    <row r="27" spans="1:26" s="19" customFormat="1" ht="15">
      <c r="A27" s="17"/>
      <c r="Z27" s="74" t="s">
        <v>8</v>
      </c>
    </row>
    <row r="28" spans="1:26" s="19" customFormat="1" ht="15">
      <c r="A28" s="17"/>
      <c r="Z28" s="74" t="s">
        <v>9</v>
      </c>
    </row>
    <row r="29" spans="1:26" s="19" customFormat="1" ht="15">
      <c r="A29" s="17"/>
      <c r="Z29" s="74" t="s">
        <v>10</v>
      </c>
    </row>
    <row r="30" spans="1:26" s="19" customFormat="1" ht="15">
      <c r="A30" s="17"/>
      <c r="Z30" s="74" t="s">
        <v>11</v>
      </c>
    </row>
    <row r="31" spans="1:26" s="19" customFormat="1" ht="15.75">
      <c r="A31" s="45" t="s">
        <v>388</v>
      </c>
      <c r="Z31" s="74" t="s">
        <v>12</v>
      </c>
    </row>
    <row r="32" spans="1:26" s="19" customFormat="1" ht="15">
      <c r="A32" s="17"/>
      <c r="Z32" s="74" t="s">
        <v>13</v>
      </c>
    </row>
    <row r="33" spans="1:26" s="19" customFormat="1" ht="15">
      <c r="A33" s="46"/>
      <c r="Z33" s="74" t="s">
        <v>14</v>
      </c>
    </row>
    <row r="34" spans="1:26" s="19" customFormat="1" ht="15">
      <c r="A34" s="17"/>
      <c r="Z34" s="74" t="s">
        <v>15</v>
      </c>
    </row>
    <row r="35" spans="1:26" s="19" customFormat="1" ht="15">
      <c r="A35" s="17"/>
      <c r="Z35" s="74" t="s">
        <v>16</v>
      </c>
    </row>
    <row r="36" spans="1:26" ht="31.5" customHeight="1">
      <c r="A36" s="47" t="s">
        <v>389</v>
      </c>
      <c r="C36" s="24"/>
      <c r="F36" s="41"/>
      <c r="G36" s="41"/>
      <c r="H36" s="48"/>
      <c r="J36" s="19"/>
      <c r="Z36" s="74" t="s">
        <v>17</v>
      </c>
    </row>
    <row r="37" spans="1:26" ht="188.25" customHeight="1">
      <c r="A37" s="71" t="s">
        <v>535</v>
      </c>
      <c r="B37" s="49" t="s">
        <v>350</v>
      </c>
      <c r="C37" s="49" t="s">
        <v>351</v>
      </c>
      <c r="E37" s="84" t="s">
        <v>525</v>
      </c>
      <c r="N37" s="74" t="s">
        <v>18</v>
      </c>
      <c r="S37" s="21" t="s">
        <v>18</v>
      </c>
      <c r="Z37" s="74" t="s">
        <v>18</v>
      </c>
    </row>
    <row r="38" spans="1:26" ht="27.75" customHeight="1">
      <c r="A38" s="48" t="s">
        <v>352</v>
      </c>
      <c r="B38" s="51">
        <f>SUM(B40:B139,B141:B190)</f>
        <v>0</v>
      </c>
      <c r="D38" s="53" t="s">
        <v>390</v>
      </c>
      <c r="E38" s="73"/>
      <c r="G38" s="19"/>
      <c r="H38" s="19"/>
      <c r="I38" s="19"/>
      <c r="J38" s="19"/>
      <c r="K38" s="19"/>
      <c r="L38" s="19"/>
      <c r="N38" s="74" t="s">
        <v>19</v>
      </c>
      <c r="S38" s="21" t="s">
        <v>19</v>
      </c>
      <c r="Z38" s="74" t="s">
        <v>19</v>
      </c>
    </row>
    <row r="39" spans="1:26" ht="30.75" customHeight="1">
      <c r="A39" s="54" t="s">
        <v>353</v>
      </c>
      <c r="C39" s="55">
        <f>IFERROR(AVERAGE(C40:C139),)</f>
        <v>0</v>
      </c>
      <c r="D39" s="58" t="s">
        <v>391</v>
      </c>
      <c r="E39" s="59" t="s">
        <v>348</v>
      </c>
      <c r="F39" s="59"/>
      <c r="G39" s="19"/>
      <c r="K39" s="60" t="s">
        <v>349</v>
      </c>
      <c r="L39" s="41" t="s">
        <v>336</v>
      </c>
      <c r="M39" s="78" t="s">
        <v>337</v>
      </c>
      <c r="N39" s="78"/>
      <c r="O39" s="19"/>
      <c r="P39" s="19"/>
      <c r="Q39" s="19"/>
      <c r="R39" s="19"/>
      <c r="S39" s="21" t="s">
        <v>20</v>
      </c>
      <c r="Z39" s="74" t="s">
        <v>20</v>
      </c>
    </row>
    <row r="40" spans="1:26" ht="15">
      <c r="A40" s="72" t="s">
        <v>392</v>
      </c>
      <c r="B40" s="75"/>
      <c r="C40" s="75"/>
      <c r="D40" s="62"/>
      <c r="E40" s="62"/>
      <c r="F40" s="63"/>
      <c r="G40" s="19"/>
      <c r="K40" s="72" t="s">
        <v>258</v>
      </c>
      <c r="L40" s="79"/>
      <c r="M40" s="79"/>
      <c r="N40" s="79"/>
      <c r="O40" s="19"/>
      <c r="P40" s="19"/>
      <c r="Q40" s="19"/>
      <c r="R40" s="21" t="s">
        <v>21</v>
      </c>
      <c r="Z40" s="74" t="s">
        <v>21</v>
      </c>
    </row>
    <row r="41" spans="1:26" ht="14.45" customHeight="1">
      <c r="A41" s="72" t="s">
        <v>393</v>
      </c>
      <c r="B41" s="75"/>
      <c r="C41" s="75"/>
      <c r="D41" s="64"/>
      <c r="E41" s="62"/>
      <c r="F41" s="63"/>
      <c r="G41" s="19"/>
      <c r="K41" s="72" t="s">
        <v>265</v>
      </c>
      <c r="L41" s="65"/>
      <c r="M41" s="65"/>
      <c r="N41" s="65"/>
      <c r="O41" s="19"/>
      <c r="P41" s="19"/>
      <c r="Q41" s="19"/>
      <c r="R41" s="21" t="s">
        <v>22</v>
      </c>
      <c r="Z41" s="74" t="s">
        <v>22</v>
      </c>
    </row>
    <row r="42" spans="1:26" ht="15">
      <c r="A42" s="72" t="s">
        <v>394</v>
      </c>
      <c r="B42" s="75"/>
      <c r="C42" s="75"/>
      <c r="D42" s="62"/>
      <c r="E42" s="62"/>
      <c r="F42" s="63"/>
      <c r="G42" s="19"/>
      <c r="K42" s="72" t="s">
        <v>266</v>
      </c>
      <c r="L42" s="65"/>
      <c r="M42" s="65"/>
      <c r="N42" s="65"/>
      <c r="O42" s="19"/>
      <c r="P42" s="19"/>
      <c r="Q42" s="19"/>
      <c r="R42" s="21" t="s">
        <v>23</v>
      </c>
      <c r="Z42" s="74" t="s">
        <v>23</v>
      </c>
    </row>
    <row r="43" spans="1:26" ht="15">
      <c r="A43" s="72" t="s">
        <v>395</v>
      </c>
      <c r="B43" s="75"/>
      <c r="C43" s="75"/>
      <c r="D43" s="62"/>
      <c r="E43" s="62"/>
      <c r="F43" s="63"/>
      <c r="G43" s="19"/>
      <c r="K43" s="72" t="s">
        <v>267</v>
      </c>
      <c r="L43" s="65"/>
      <c r="M43" s="65"/>
      <c r="N43" s="65"/>
      <c r="O43" s="19"/>
      <c r="P43" s="19"/>
      <c r="Q43" s="19"/>
      <c r="R43" s="21" t="s">
        <v>24</v>
      </c>
      <c r="Z43" s="74" t="s">
        <v>24</v>
      </c>
    </row>
    <row r="44" spans="1:26" ht="15">
      <c r="A44" s="72" t="s">
        <v>396</v>
      </c>
      <c r="B44" s="75"/>
      <c r="C44" s="75"/>
      <c r="D44" s="62"/>
      <c r="E44" s="62"/>
      <c r="F44" s="63"/>
      <c r="G44" s="19"/>
      <c r="K44" s="72" t="s">
        <v>268</v>
      </c>
      <c r="L44" s="65"/>
      <c r="M44" s="65"/>
      <c r="N44" s="65"/>
      <c r="O44" s="19"/>
      <c r="P44" s="19"/>
      <c r="Q44" s="19"/>
      <c r="R44" s="21" t="s">
        <v>25</v>
      </c>
      <c r="Z44" s="74" t="s">
        <v>25</v>
      </c>
    </row>
    <row r="45" spans="1:26" ht="15">
      <c r="A45" s="72" t="s">
        <v>397</v>
      </c>
      <c r="B45" s="75"/>
      <c r="C45" s="75"/>
      <c r="D45" s="62"/>
      <c r="E45" s="62"/>
      <c r="F45" s="63"/>
      <c r="G45" s="19"/>
      <c r="K45" s="72" t="s">
        <v>269</v>
      </c>
      <c r="L45" s="65"/>
      <c r="M45" s="65"/>
      <c r="N45" s="65"/>
      <c r="O45" s="19"/>
      <c r="P45" s="19"/>
      <c r="Q45" s="19"/>
      <c r="R45" s="21" t="s">
        <v>26</v>
      </c>
      <c r="Z45" s="74" t="s">
        <v>26</v>
      </c>
    </row>
    <row r="46" spans="1:26" ht="15">
      <c r="A46" s="72" t="s">
        <v>398</v>
      </c>
      <c r="B46" s="75"/>
      <c r="C46" s="75"/>
      <c r="D46" s="62"/>
      <c r="E46" s="62"/>
      <c r="F46" s="63"/>
      <c r="G46" s="19"/>
      <c r="K46" s="72" t="s">
        <v>270</v>
      </c>
      <c r="L46" s="65"/>
      <c r="M46" s="65"/>
      <c r="N46" s="65"/>
      <c r="O46" s="19"/>
      <c r="P46" s="19"/>
      <c r="Q46" s="19"/>
      <c r="R46" s="21" t="s">
        <v>27</v>
      </c>
      <c r="Z46" s="74" t="s">
        <v>27</v>
      </c>
    </row>
    <row r="47" spans="1:26" ht="15">
      <c r="A47" s="72" t="s">
        <v>399</v>
      </c>
      <c r="B47" s="75"/>
      <c r="C47" s="75"/>
      <c r="D47" s="62"/>
      <c r="E47" s="62"/>
      <c r="F47" s="63"/>
      <c r="G47" s="19"/>
      <c r="K47" s="72" t="s">
        <v>271</v>
      </c>
      <c r="L47" s="65"/>
      <c r="M47" s="65"/>
      <c r="N47" s="65"/>
      <c r="O47" s="19"/>
      <c r="P47" s="19"/>
      <c r="Q47" s="19"/>
      <c r="R47" s="21" t="s">
        <v>28</v>
      </c>
      <c r="Z47" s="74" t="s">
        <v>28</v>
      </c>
    </row>
    <row r="48" spans="1:26" ht="15">
      <c r="A48" s="72" t="s">
        <v>400</v>
      </c>
      <c r="B48" s="75"/>
      <c r="C48" s="75"/>
      <c r="D48" s="62"/>
      <c r="E48" s="62"/>
      <c r="F48" s="63"/>
      <c r="G48" s="19"/>
      <c r="K48" s="72" t="s">
        <v>272</v>
      </c>
      <c r="L48" s="65"/>
      <c r="M48" s="65"/>
      <c r="N48" s="65"/>
      <c r="O48" s="19"/>
      <c r="P48" s="19"/>
      <c r="Q48" s="19"/>
      <c r="R48" s="21" t="s">
        <v>29</v>
      </c>
      <c r="Z48" s="74" t="s">
        <v>29</v>
      </c>
    </row>
    <row r="49" spans="1:26" ht="15">
      <c r="A49" s="72" t="s">
        <v>401</v>
      </c>
      <c r="B49" s="75"/>
      <c r="C49" s="75"/>
      <c r="D49" s="62"/>
      <c r="E49" s="62"/>
      <c r="F49" s="63"/>
      <c r="G49" s="19"/>
      <c r="K49" s="72" t="s">
        <v>273</v>
      </c>
      <c r="L49" s="65"/>
      <c r="M49" s="65"/>
      <c r="N49" s="65"/>
      <c r="O49" s="19"/>
      <c r="P49" s="19"/>
      <c r="Q49" s="19"/>
      <c r="R49" s="21" t="s">
        <v>30</v>
      </c>
      <c r="Z49" s="74" t="s">
        <v>30</v>
      </c>
    </row>
    <row r="50" spans="1:26" ht="15">
      <c r="A50" s="72" t="s">
        <v>402</v>
      </c>
      <c r="B50" s="75"/>
      <c r="C50" s="75"/>
      <c r="D50" s="62"/>
      <c r="E50" s="62"/>
      <c r="F50" s="63"/>
      <c r="G50" s="19"/>
      <c r="K50" s="72" t="s">
        <v>274</v>
      </c>
      <c r="L50" s="65"/>
      <c r="M50" s="65"/>
      <c r="N50" s="65"/>
      <c r="O50" s="19"/>
      <c r="P50" s="19"/>
      <c r="Q50" s="19"/>
      <c r="R50" s="21" t="s">
        <v>31</v>
      </c>
      <c r="Z50" s="74" t="s">
        <v>31</v>
      </c>
    </row>
    <row r="51" spans="1:26" ht="15">
      <c r="A51" s="72" t="s">
        <v>403</v>
      </c>
      <c r="B51" s="72"/>
      <c r="C51" s="72"/>
      <c r="D51" s="62"/>
      <c r="E51" s="62"/>
      <c r="F51" s="63"/>
      <c r="G51" s="19"/>
      <c r="K51" s="72" t="s">
        <v>275</v>
      </c>
      <c r="L51" s="65"/>
      <c r="M51" s="65"/>
      <c r="N51" s="65"/>
      <c r="O51" s="19"/>
      <c r="P51" s="19"/>
      <c r="Q51" s="19"/>
      <c r="R51" s="21" t="s">
        <v>32</v>
      </c>
      <c r="Z51" s="74" t="s">
        <v>32</v>
      </c>
    </row>
    <row r="52" spans="1:26" ht="15">
      <c r="A52" s="72" t="s">
        <v>404</v>
      </c>
      <c r="B52" s="72"/>
      <c r="C52" s="72"/>
      <c r="D52" s="62"/>
      <c r="E52" s="62"/>
      <c r="F52" s="63"/>
      <c r="G52" s="19"/>
      <c r="K52" s="72" t="s">
        <v>276</v>
      </c>
      <c r="L52" s="65"/>
      <c r="M52" s="65"/>
      <c r="N52" s="65"/>
      <c r="O52" s="19"/>
      <c r="P52" s="19"/>
      <c r="Q52" s="19"/>
      <c r="R52" s="21" t="s">
        <v>33</v>
      </c>
      <c r="Z52" s="74" t="s">
        <v>33</v>
      </c>
    </row>
    <row r="53" spans="1:26" ht="15">
      <c r="A53" s="72" t="s">
        <v>405</v>
      </c>
      <c r="B53" s="72"/>
      <c r="C53" s="72"/>
      <c r="D53" s="62"/>
      <c r="E53" s="62"/>
      <c r="F53" s="63"/>
      <c r="G53" s="19"/>
      <c r="K53" s="72" t="s">
        <v>277</v>
      </c>
      <c r="L53" s="65"/>
      <c r="M53" s="65"/>
      <c r="N53" s="65"/>
      <c r="O53" s="19"/>
      <c r="P53" s="19"/>
      <c r="Q53" s="19"/>
      <c r="R53" s="21" t="s">
        <v>34</v>
      </c>
      <c r="Z53" s="74" t="s">
        <v>34</v>
      </c>
    </row>
    <row r="54" spans="1:26" ht="15">
      <c r="A54" s="72" t="s">
        <v>406</v>
      </c>
      <c r="B54" s="72"/>
      <c r="C54" s="72"/>
      <c r="D54" s="62"/>
      <c r="E54" s="62"/>
      <c r="F54" s="63"/>
      <c r="G54" s="19"/>
      <c r="K54" s="72" t="s">
        <v>278</v>
      </c>
      <c r="L54" s="65"/>
      <c r="M54" s="65"/>
      <c r="N54" s="65"/>
      <c r="O54" s="19"/>
      <c r="P54" s="19"/>
      <c r="Q54" s="19"/>
      <c r="R54" s="21" t="s">
        <v>35</v>
      </c>
      <c r="Z54" s="74" t="s">
        <v>35</v>
      </c>
    </row>
    <row r="55" spans="1:26" ht="15">
      <c r="A55" s="72" t="s">
        <v>407</v>
      </c>
      <c r="B55" s="72"/>
      <c r="C55" s="72"/>
      <c r="D55" s="62"/>
      <c r="E55" s="62"/>
      <c r="F55" s="63"/>
      <c r="G55" s="19"/>
      <c r="K55" s="72" t="s">
        <v>279</v>
      </c>
      <c r="L55" s="65"/>
      <c r="M55" s="65"/>
      <c r="N55" s="65"/>
      <c r="O55" s="19"/>
      <c r="P55" s="19"/>
      <c r="Q55" s="19"/>
      <c r="R55" s="21" t="s">
        <v>36</v>
      </c>
      <c r="Z55" s="74" t="s">
        <v>36</v>
      </c>
    </row>
    <row r="56" spans="1:26" ht="15">
      <c r="A56" s="72" t="s">
        <v>408</v>
      </c>
      <c r="B56" s="72"/>
      <c r="C56" s="72"/>
      <c r="D56" s="62"/>
      <c r="E56" s="62"/>
      <c r="F56" s="63"/>
      <c r="G56" s="19"/>
      <c r="K56" s="72" t="s">
        <v>280</v>
      </c>
      <c r="L56" s="65"/>
      <c r="M56" s="65"/>
      <c r="N56" s="65"/>
      <c r="O56" s="19"/>
      <c r="P56" s="19"/>
      <c r="Q56" s="19"/>
      <c r="R56" s="21" t="s">
        <v>37</v>
      </c>
      <c r="Z56" s="74" t="s">
        <v>37</v>
      </c>
    </row>
    <row r="57" spans="1:26" ht="15">
      <c r="A57" s="72" t="s">
        <v>409</v>
      </c>
      <c r="B57" s="72"/>
      <c r="C57" s="72"/>
      <c r="D57" s="62"/>
      <c r="E57" s="62"/>
      <c r="F57" s="63"/>
      <c r="G57" s="19"/>
      <c r="K57" s="72" t="s">
        <v>281</v>
      </c>
      <c r="L57" s="65"/>
      <c r="M57" s="65"/>
      <c r="N57" s="65"/>
      <c r="O57" s="19"/>
      <c r="P57" s="19"/>
      <c r="Q57" s="19"/>
      <c r="R57" s="21" t="s">
        <v>38</v>
      </c>
      <c r="Z57" s="74" t="s">
        <v>38</v>
      </c>
    </row>
    <row r="58" spans="1:26" ht="15">
      <c r="A58" s="72" t="s">
        <v>410</v>
      </c>
      <c r="B58" s="72"/>
      <c r="C58" s="72"/>
      <c r="D58" s="62"/>
      <c r="E58" s="62"/>
      <c r="F58" s="63"/>
      <c r="G58" s="19"/>
      <c r="K58" s="72" t="s">
        <v>282</v>
      </c>
      <c r="L58" s="65"/>
      <c r="M58" s="65"/>
      <c r="N58" s="65"/>
      <c r="O58" s="19"/>
      <c r="P58" s="19"/>
      <c r="Q58" s="19"/>
      <c r="R58" s="21" t="s">
        <v>39</v>
      </c>
      <c r="Z58" s="74" t="s">
        <v>39</v>
      </c>
    </row>
    <row r="59" spans="1:26" ht="15">
      <c r="A59" s="72" t="s">
        <v>411</v>
      </c>
      <c r="B59" s="72"/>
      <c r="C59" s="72"/>
      <c r="D59" s="62"/>
      <c r="E59" s="62"/>
      <c r="F59" s="63"/>
      <c r="G59" s="19"/>
      <c r="K59" s="72" t="s">
        <v>283</v>
      </c>
      <c r="L59" s="65"/>
      <c r="M59" s="65"/>
      <c r="N59" s="65"/>
      <c r="O59" s="19"/>
      <c r="P59" s="19"/>
      <c r="Q59" s="19"/>
      <c r="R59" s="21" t="s">
        <v>40</v>
      </c>
      <c r="Z59" s="74" t="s">
        <v>40</v>
      </c>
    </row>
    <row r="60" spans="1:26" ht="15">
      <c r="A60" s="72" t="s">
        <v>412</v>
      </c>
      <c r="B60" s="72"/>
      <c r="C60" s="72"/>
      <c r="D60" s="62"/>
      <c r="E60" s="62"/>
      <c r="F60" s="63"/>
      <c r="G60" s="19"/>
      <c r="K60" s="72" t="s">
        <v>284</v>
      </c>
      <c r="L60" s="65"/>
      <c r="M60" s="65"/>
      <c r="N60" s="65"/>
      <c r="O60" s="19"/>
      <c r="P60" s="19"/>
      <c r="Q60" s="19"/>
      <c r="R60" s="21" t="s">
        <v>41</v>
      </c>
      <c r="Z60" s="74" t="s">
        <v>41</v>
      </c>
    </row>
    <row r="61" spans="1:26" ht="15">
      <c r="A61" s="72" t="s">
        <v>413</v>
      </c>
      <c r="B61" s="72"/>
      <c r="C61" s="72"/>
      <c r="D61" s="62"/>
      <c r="E61" s="62"/>
      <c r="F61" s="63"/>
      <c r="G61" s="19"/>
      <c r="K61" s="72" t="s">
        <v>285</v>
      </c>
      <c r="L61" s="65"/>
      <c r="M61" s="65"/>
      <c r="N61" s="65"/>
      <c r="O61" s="19"/>
      <c r="P61" s="19"/>
      <c r="Q61" s="19"/>
      <c r="R61" s="21" t="s">
        <v>42</v>
      </c>
      <c r="Z61" s="74" t="s">
        <v>42</v>
      </c>
    </row>
    <row r="62" spans="1:26" ht="15">
      <c r="A62" s="72" t="s">
        <v>414</v>
      </c>
      <c r="B62" s="72"/>
      <c r="C62" s="72"/>
      <c r="D62" s="62"/>
      <c r="E62" s="62"/>
      <c r="F62" s="63"/>
      <c r="G62" s="19"/>
      <c r="K62" s="72" t="s">
        <v>286</v>
      </c>
      <c r="L62" s="65"/>
      <c r="M62" s="65"/>
      <c r="N62" s="65"/>
      <c r="R62" s="21" t="s">
        <v>43</v>
      </c>
      <c r="Z62" s="74" t="s">
        <v>43</v>
      </c>
    </row>
    <row r="63" spans="1:26" ht="15">
      <c r="A63" s="72" t="s">
        <v>415</v>
      </c>
      <c r="B63" s="72"/>
      <c r="C63" s="72"/>
      <c r="D63" s="62"/>
      <c r="E63" s="62"/>
      <c r="F63" s="63"/>
      <c r="G63" s="19"/>
      <c r="K63" s="72" t="s">
        <v>287</v>
      </c>
      <c r="L63" s="65"/>
      <c r="M63" s="65"/>
      <c r="N63" s="65"/>
      <c r="R63" s="21" t="s">
        <v>44</v>
      </c>
      <c r="Z63" s="74" t="s">
        <v>44</v>
      </c>
    </row>
    <row r="64" spans="1:26" ht="15">
      <c r="A64" s="72" t="s">
        <v>416</v>
      </c>
      <c r="B64" s="72"/>
      <c r="C64" s="72"/>
      <c r="D64" s="62"/>
      <c r="E64" s="62"/>
      <c r="F64" s="63"/>
      <c r="G64" s="19"/>
      <c r="K64" s="72" t="s">
        <v>288</v>
      </c>
      <c r="L64" s="65"/>
      <c r="M64" s="65"/>
      <c r="N64" s="65"/>
      <c r="R64" s="21" t="s">
        <v>45</v>
      </c>
      <c r="Z64" s="74" t="s">
        <v>45</v>
      </c>
    </row>
    <row r="65" spans="1:26" ht="15">
      <c r="A65" s="72" t="s">
        <v>417</v>
      </c>
      <c r="B65" s="72"/>
      <c r="C65" s="72"/>
      <c r="D65" s="62"/>
      <c r="E65" s="62"/>
      <c r="F65" s="63"/>
      <c r="G65" s="19"/>
      <c r="K65" s="72" t="s">
        <v>289</v>
      </c>
      <c r="L65" s="65"/>
      <c r="M65" s="65"/>
      <c r="N65" s="65"/>
      <c r="R65" s="21" t="s">
        <v>46</v>
      </c>
      <c r="Z65" s="74" t="s">
        <v>46</v>
      </c>
    </row>
    <row r="66" spans="1:26" ht="15">
      <c r="A66" s="72" t="s">
        <v>418</v>
      </c>
      <c r="B66" s="72"/>
      <c r="C66" s="72"/>
      <c r="D66" s="62"/>
      <c r="E66" s="62"/>
      <c r="F66" s="63"/>
      <c r="K66" s="72" t="s">
        <v>290</v>
      </c>
      <c r="L66" s="65"/>
      <c r="M66" s="65"/>
      <c r="N66" s="65"/>
      <c r="R66" s="21" t="s">
        <v>47</v>
      </c>
      <c r="Z66" s="74" t="s">
        <v>47</v>
      </c>
    </row>
    <row r="67" spans="1:26" ht="15">
      <c r="A67" s="72" t="s">
        <v>419</v>
      </c>
      <c r="B67" s="72"/>
      <c r="C67" s="72"/>
      <c r="D67" s="62"/>
      <c r="E67" s="62"/>
      <c r="F67" s="63"/>
      <c r="K67" s="72" t="s">
        <v>291</v>
      </c>
      <c r="L67" s="65"/>
      <c r="M67" s="65"/>
      <c r="N67" s="65"/>
      <c r="R67" s="21" t="s">
        <v>48</v>
      </c>
      <c r="Z67" s="74" t="s">
        <v>48</v>
      </c>
    </row>
    <row r="68" spans="1:26" ht="15">
      <c r="A68" s="72" t="s">
        <v>420</v>
      </c>
      <c r="B68" s="72"/>
      <c r="C68" s="72"/>
      <c r="D68" s="62"/>
      <c r="E68" s="62"/>
      <c r="F68" s="63"/>
      <c r="K68" s="72" t="s">
        <v>292</v>
      </c>
      <c r="L68" s="65"/>
      <c r="M68" s="65"/>
      <c r="N68" s="65"/>
      <c r="R68" s="21" t="s">
        <v>49</v>
      </c>
      <c r="Z68" s="74" t="s">
        <v>49</v>
      </c>
    </row>
    <row r="69" spans="1:26" ht="15">
      <c r="A69" s="72" t="s">
        <v>421</v>
      </c>
      <c r="B69" s="72"/>
      <c r="C69" s="72"/>
      <c r="D69" s="62"/>
      <c r="E69" s="62"/>
      <c r="F69" s="63"/>
      <c r="K69" s="66" t="s">
        <v>338</v>
      </c>
      <c r="L69" s="17">
        <f>SUM(L40:L68)</f>
        <v>0</v>
      </c>
      <c r="M69" s="19"/>
      <c r="N69" s="19"/>
      <c r="S69" s="21" t="s">
        <v>50</v>
      </c>
      <c r="Z69" s="74" t="s">
        <v>50</v>
      </c>
    </row>
    <row r="70" spans="1:26" ht="15">
      <c r="A70" s="72" t="s">
        <v>422</v>
      </c>
      <c r="B70" s="72"/>
      <c r="C70" s="72"/>
      <c r="D70" s="62"/>
      <c r="E70" s="62"/>
      <c r="F70" s="63"/>
      <c r="N70" s="74" t="s">
        <v>51</v>
      </c>
      <c r="S70" s="21" t="s">
        <v>51</v>
      </c>
      <c r="Z70" s="74" t="s">
        <v>51</v>
      </c>
    </row>
    <row r="71" spans="1:26" ht="15">
      <c r="A71" s="72" t="s">
        <v>423</v>
      </c>
      <c r="B71" s="72"/>
      <c r="C71" s="72"/>
      <c r="D71" s="62"/>
      <c r="E71" s="62"/>
      <c r="F71" s="63"/>
      <c r="N71" s="74" t="s">
        <v>52</v>
      </c>
      <c r="S71" s="21" t="s">
        <v>52</v>
      </c>
      <c r="Z71" s="74" t="s">
        <v>52</v>
      </c>
    </row>
    <row r="72" spans="1:26" ht="15">
      <c r="A72" s="72" t="s">
        <v>424</v>
      </c>
      <c r="B72" s="72"/>
      <c r="C72" s="72"/>
      <c r="D72" s="62"/>
      <c r="E72" s="62"/>
      <c r="F72" s="63"/>
      <c r="N72" s="74" t="s">
        <v>53</v>
      </c>
      <c r="S72" s="21" t="s">
        <v>53</v>
      </c>
      <c r="Z72" s="74" t="s">
        <v>53</v>
      </c>
    </row>
    <row r="73" spans="1:26" ht="15">
      <c r="A73" s="72" t="s">
        <v>425</v>
      </c>
      <c r="B73" s="72"/>
      <c r="C73" s="72"/>
      <c r="D73" s="62"/>
      <c r="E73" s="62"/>
      <c r="F73" s="63"/>
      <c r="N73" s="74" t="s">
        <v>54</v>
      </c>
      <c r="S73" s="21" t="s">
        <v>54</v>
      </c>
      <c r="Z73" s="74" t="s">
        <v>54</v>
      </c>
    </row>
    <row r="74" spans="1:26" ht="15">
      <c r="A74" s="72" t="s">
        <v>426</v>
      </c>
      <c r="B74" s="72"/>
      <c r="C74" s="72"/>
      <c r="D74" s="62"/>
      <c r="E74" s="62"/>
      <c r="F74" s="63"/>
      <c r="N74" s="74" t="s">
        <v>55</v>
      </c>
      <c r="S74" s="21" t="s">
        <v>55</v>
      </c>
      <c r="Z74" s="74" t="s">
        <v>55</v>
      </c>
    </row>
    <row r="75" spans="1:26" ht="15">
      <c r="A75" s="72" t="s">
        <v>427</v>
      </c>
      <c r="B75" s="72"/>
      <c r="C75" s="72"/>
      <c r="D75" s="62"/>
      <c r="E75" s="62"/>
      <c r="F75" s="63"/>
      <c r="N75" s="74" t="s">
        <v>56</v>
      </c>
      <c r="S75" s="21" t="s">
        <v>56</v>
      </c>
      <c r="Z75" s="74" t="s">
        <v>56</v>
      </c>
    </row>
    <row r="76" spans="1:26" ht="15">
      <c r="A76" s="72" t="s">
        <v>428</v>
      </c>
      <c r="B76" s="72"/>
      <c r="C76" s="72"/>
      <c r="D76" s="62"/>
      <c r="E76" s="62"/>
      <c r="F76" s="63"/>
      <c r="N76" s="74" t="s">
        <v>57</v>
      </c>
      <c r="S76" s="21" t="s">
        <v>57</v>
      </c>
      <c r="Z76" s="74" t="s">
        <v>57</v>
      </c>
    </row>
    <row r="77" spans="1:26" ht="15">
      <c r="A77" s="72" t="s">
        <v>429</v>
      </c>
      <c r="B77" s="72"/>
      <c r="C77" s="72"/>
      <c r="D77" s="62"/>
      <c r="E77" s="62"/>
      <c r="F77" s="63"/>
      <c r="N77" s="74" t="s">
        <v>58</v>
      </c>
      <c r="S77" s="21" t="s">
        <v>58</v>
      </c>
      <c r="Z77" s="74" t="s">
        <v>58</v>
      </c>
    </row>
    <row r="78" spans="1:26" ht="15">
      <c r="A78" s="72" t="s">
        <v>430</v>
      </c>
      <c r="B78" s="72"/>
      <c r="C78" s="72"/>
      <c r="D78" s="62"/>
      <c r="E78" s="62"/>
      <c r="F78" s="63"/>
      <c r="N78" s="74" t="s">
        <v>59</v>
      </c>
      <c r="S78" s="21" t="s">
        <v>59</v>
      </c>
      <c r="Z78" s="74" t="s">
        <v>59</v>
      </c>
    </row>
    <row r="79" spans="1:26" ht="15">
      <c r="A79" s="72" t="s">
        <v>431</v>
      </c>
      <c r="B79" s="72"/>
      <c r="C79" s="72"/>
      <c r="D79" s="62"/>
      <c r="E79" s="62"/>
      <c r="F79" s="63"/>
      <c r="N79" s="74" t="s">
        <v>60</v>
      </c>
      <c r="S79" s="21" t="s">
        <v>60</v>
      </c>
      <c r="Z79" s="74" t="s">
        <v>60</v>
      </c>
    </row>
    <row r="80" spans="1:26" ht="15">
      <c r="A80" s="72" t="s">
        <v>432</v>
      </c>
      <c r="B80" s="72"/>
      <c r="C80" s="72"/>
      <c r="D80" s="62"/>
      <c r="E80" s="62"/>
      <c r="F80" s="63"/>
      <c r="N80" s="74" t="s">
        <v>61</v>
      </c>
      <c r="S80" s="21" t="s">
        <v>61</v>
      </c>
      <c r="Z80" s="74" t="s">
        <v>61</v>
      </c>
    </row>
    <row r="81" spans="1:26" ht="15">
      <c r="A81" s="72" t="s">
        <v>433</v>
      </c>
      <c r="B81" s="72"/>
      <c r="C81" s="72"/>
      <c r="D81" s="62"/>
      <c r="E81" s="62"/>
      <c r="F81" s="63"/>
      <c r="N81" s="74" t="s">
        <v>62</v>
      </c>
      <c r="S81" s="21" t="s">
        <v>62</v>
      </c>
      <c r="Z81" s="74" t="s">
        <v>62</v>
      </c>
    </row>
    <row r="82" spans="1:26" ht="15">
      <c r="A82" s="72" t="s">
        <v>434</v>
      </c>
      <c r="B82" s="72"/>
      <c r="C82" s="72"/>
      <c r="D82" s="62"/>
      <c r="E82" s="62"/>
      <c r="F82" s="63"/>
      <c r="N82" s="74" t="s">
        <v>63</v>
      </c>
      <c r="S82" s="21" t="s">
        <v>63</v>
      </c>
      <c r="Z82" s="74" t="s">
        <v>63</v>
      </c>
    </row>
    <row r="83" spans="1:26" ht="15">
      <c r="A83" s="72" t="s">
        <v>435</v>
      </c>
      <c r="B83" s="72"/>
      <c r="C83" s="72"/>
      <c r="D83" s="62"/>
      <c r="E83" s="62"/>
      <c r="F83" s="63"/>
      <c r="N83" s="74" t="s">
        <v>64</v>
      </c>
      <c r="S83" s="21" t="s">
        <v>64</v>
      </c>
      <c r="Z83" s="74" t="s">
        <v>64</v>
      </c>
    </row>
    <row r="84" spans="1:26" ht="15">
      <c r="A84" s="72" t="s">
        <v>436</v>
      </c>
      <c r="B84" s="72"/>
      <c r="C84" s="72"/>
      <c r="D84" s="62"/>
      <c r="E84" s="62"/>
      <c r="F84" s="63"/>
      <c r="N84" s="74" t="s">
        <v>65</v>
      </c>
      <c r="S84" s="21" t="s">
        <v>65</v>
      </c>
      <c r="Z84" s="74" t="s">
        <v>65</v>
      </c>
    </row>
    <row r="85" spans="1:26" ht="15">
      <c r="A85" s="72" t="s">
        <v>437</v>
      </c>
      <c r="B85" s="72"/>
      <c r="C85" s="72"/>
      <c r="D85" s="62"/>
      <c r="E85" s="62"/>
      <c r="F85" s="63"/>
      <c r="N85" s="74" t="s">
        <v>66</v>
      </c>
      <c r="S85" s="21" t="s">
        <v>66</v>
      </c>
      <c r="Z85" s="74" t="s">
        <v>66</v>
      </c>
    </row>
    <row r="86" spans="1:26" ht="15">
      <c r="A86" s="72" t="s">
        <v>438</v>
      </c>
      <c r="B86" s="72"/>
      <c r="C86" s="72"/>
      <c r="D86" s="62"/>
      <c r="E86" s="62"/>
      <c r="F86" s="63"/>
      <c r="N86" s="74" t="s">
        <v>67</v>
      </c>
      <c r="S86" s="21" t="s">
        <v>67</v>
      </c>
      <c r="Z86" s="74" t="s">
        <v>67</v>
      </c>
    </row>
    <row r="87" spans="1:26" ht="15">
      <c r="A87" s="72" t="s">
        <v>439</v>
      </c>
      <c r="B87" s="72"/>
      <c r="C87" s="72"/>
      <c r="D87" s="62"/>
      <c r="E87" s="62"/>
      <c r="F87" s="63"/>
      <c r="N87" s="74" t="s">
        <v>68</v>
      </c>
      <c r="S87" s="21" t="s">
        <v>68</v>
      </c>
      <c r="Z87" s="74" t="s">
        <v>68</v>
      </c>
    </row>
    <row r="88" spans="1:26" ht="15">
      <c r="A88" s="72" t="s">
        <v>440</v>
      </c>
      <c r="B88" s="72"/>
      <c r="C88" s="72"/>
      <c r="D88" s="62"/>
      <c r="E88" s="62"/>
      <c r="F88" s="63"/>
      <c r="N88" s="74" t="s">
        <v>69</v>
      </c>
      <c r="S88" s="21" t="s">
        <v>69</v>
      </c>
      <c r="Z88" s="74" t="s">
        <v>69</v>
      </c>
    </row>
    <row r="89" spans="1:26" ht="15">
      <c r="A89" s="72" t="s">
        <v>441</v>
      </c>
      <c r="B89" s="72"/>
      <c r="C89" s="72"/>
      <c r="D89" s="62"/>
      <c r="E89" s="62"/>
      <c r="F89" s="63"/>
      <c r="N89" s="74" t="s">
        <v>70</v>
      </c>
      <c r="S89" s="21" t="s">
        <v>70</v>
      </c>
      <c r="Z89" s="74" t="s">
        <v>70</v>
      </c>
    </row>
    <row r="90" spans="1:26" ht="15">
      <c r="A90" s="72" t="s">
        <v>442</v>
      </c>
      <c r="B90" s="72"/>
      <c r="C90" s="72"/>
      <c r="D90" s="62"/>
      <c r="E90" s="62"/>
      <c r="F90" s="63"/>
      <c r="N90" s="74" t="s">
        <v>71</v>
      </c>
      <c r="S90" s="21" t="s">
        <v>71</v>
      </c>
      <c r="Z90" s="74" t="s">
        <v>71</v>
      </c>
    </row>
    <row r="91" spans="1:26" ht="15">
      <c r="A91" s="72" t="s">
        <v>443</v>
      </c>
      <c r="B91" s="72"/>
      <c r="C91" s="72"/>
      <c r="D91" s="62"/>
      <c r="E91" s="62"/>
      <c r="F91" s="63"/>
      <c r="N91" s="74" t="s">
        <v>72</v>
      </c>
      <c r="S91" s="21" t="s">
        <v>72</v>
      </c>
      <c r="Z91" s="74" t="s">
        <v>72</v>
      </c>
    </row>
    <row r="92" spans="1:26" ht="15">
      <c r="A92" s="72" t="s">
        <v>444</v>
      </c>
      <c r="B92" s="72"/>
      <c r="C92" s="72"/>
      <c r="D92" s="62"/>
      <c r="E92" s="62"/>
      <c r="F92" s="63"/>
      <c r="N92" s="74" t="s">
        <v>73</v>
      </c>
      <c r="S92" s="21" t="s">
        <v>73</v>
      </c>
      <c r="Z92" s="74" t="s">
        <v>73</v>
      </c>
    </row>
    <row r="93" spans="1:26" ht="15">
      <c r="A93" s="72" t="s">
        <v>445</v>
      </c>
      <c r="B93" s="72"/>
      <c r="C93" s="72"/>
      <c r="D93" s="62"/>
      <c r="E93" s="62"/>
      <c r="F93" s="63"/>
      <c r="N93" s="74" t="s">
        <v>74</v>
      </c>
      <c r="S93" s="21" t="s">
        <v>74</v>
      </c>
      <c r="Z93" s="74" t="s">
        <v>74</v>
      </c>
    </row>
    <row r="94" spans="1:26" ht="15">
      <c r="A94" s="72" t="s">
        <v>446</v>
      </c>
      <c r="B94" s="72"/>
      <c r="C94" s="72"/>
      <c r="D94" s="62"/>
      <c r="E94" s="62"/>
      <c r="F94" s="63"/>
      <c r="N94" s="74" t="s">
        <v>75</v>
      </c>
      <c r="S94" s="21" t="s">
        <v>75</v>
      </c>
      <c r="Z94" s="74" t="s">
        <v>75</v>
      </c>
    </row>
    <row r="95" spans="1:26" ht="15">
      <c r="A95" s="72" t="s">
        <v>447</v>
      </c>
      <c r="B95" s="72"/>
      <c r="C95" s="72"/>
      <c r="D95" s="62"/>
      <c r="E95" s="62"/>
      <c r="F95" s="63"/>
      <c r="N95" s="74" t="s">
        <v>76</v>
      </c>
      <c r="S95" s="21" t="s">
        <v>76</v>
      </c>
      <c r="Z95" s="74" t="s">
        <v>76</v>
      </c>
    </row>
    <row r="96" spans="1:26" ht="15">
      <c r="A96" s="72" t="s">
        <v>448</v>
      </c>
      <c r="B96" s="72"/>
      <c r="C96" s="72"/>
      <c r="D96" s="62"/>
      <c r="E96" s="62"/>
      <c r="F96" s="63"/>
      <c r="N96" s="74" t="s">
        <v>77</v>
      </c>
      <c r="S96" s="21" t="s">
        <v>77</v>
      </c>
      <c r="Z96" s="74" t="s">
        <v>77</v>
      </c>
    </row>
    <row r="97" spans="1:26" ht="15">
      <c r="A97" s="72" t="s">
        <v>449</v>
      </c>
      <c r="B97" s="72"/>
      <c r="C97" s="72"/>
      <c r="D97" s="62"/>
      <c r="E97" s="62"/>
      <c r="F97" s="63"/>
      <c r="N97" s="74" t="s">
        <v>78</v>
      </c>
      <c r="S97" s="21" t="s">
        <v>78</v>
      </c>
      <c r="Z97" s="74" t="s">
        <v>78</v>
      </c>
    </row>
    <row r="98" spans="1:26" ht="15">
      <c r="A98" s="72" t="s">
        <v>450</v>
      </c>
      <c r="B98" s="72"/>
      <c r="C98" s="72"/>
      <c r="D98" s="62"/>
      <c r="E98" s="62"/>
      <c r="F98" s="63"/>
      <c r="N98" s="74" t="s">
        <v>79</v>
      </c>
      <c r="S98" s="21" t="s">
        <v>79</v>
      </c>
      <c r="Z98" s="74" t="s">
        <v>79</v>
      </c>
    </row>
    <row r="99" spans="1:26" ht="15">
      <c r="A99" s="72" t="s">
        <v>451</v>
      </c>
      <c r="B99" s="72"/>
      <c r="C99" s="72"/>
      <c r="D99" s="62"/>
      <c r="E99" s="62"/>
      <c r="F99" s="63"/>
      <c r="N99" s="74" t="s">
        <v>80</v>
      </c>
      <c r="S99" s="21" t="s">
        <v>80</v>
      </c>
      <c r="Z99" s="74" t="s">
        <v>80</v>
      </c>
    </row>
    <row r="100" spans="1:26" ht="15">
      <c r="A100" s="72" t="s">
        <v>452</v>
      </c>
      <c r="B100" s="72"/>
      <c r="C100" s="72"/>
      <c r="D100" s="62"/>
      <c r="E100" s="62"/>
      <c r="F100" s="63"/>
      <c r="N100" s="74" t="s">
        <v>81</v>
      </c>
      <c r="S100" s="21" t="s">
        <v>81</v>
      </c>
      <c r="Z100" s="74" t="s">
        <v>81</v>
      </c>
    </row>
    <row r="101" spans="1:26" ht="15">
      <c r="A101" s="72" t="s">
        <v>453</v>
      </c>
      <c r="B101" s="72"/>
      <c r="C101" s="72"/>
      <c r="D101" s="62"/>
      <c r="E101" s="62"/>
      <c r="F101" s="63"/>
      <c r="N101" s="74" t="s">
        <v>82</v>
      </c>
      <c r="S101" s="21" t="s">
        <v>82</v>
      </c>
      <c r="Z101" s="74" t="s">
        <v>82</v>
      </c>
    </row>
    <row r="102" spans="1:26" ht="15">
      <c r="A102" s="72" t="s">
        <v>454</v>
      </c>
      <c r="B102" s="72"/>
      <c r="C102" s="72"/>
      <c r="D102" s="62"/>
      <c r="E102" s="62"/>
      <c r="F102" s="63"/>
      <c r="N102" s="74" t="s">
        <v>83</v>
      </c>
      <c r="S102" s="21" t="s">
        <v>83</v>
      </c>
      <c r="Z102" s="74" t="s">
        <v>83</v>
      </c>
    </row>
    <row r="103" spans="1:26" ht="15">
      <c r="A103" s="72" t="s">
        <v>455</v>
      </c>
      <c r="B103" s="72"/>
      <c r="C103" s="72"/>
      <c r="D103" s="62"/>
      <c r="E103" s="62"/>
      <c r="F103" s="63"/>
      <c r="N103" s="74" t="s">
        <v>84</v>
      </c>
      <c r="S103" s="21" t="s">
        <v>84</v>
      </c>
      <c r="Z103" s="74" t="s">
        <v>84</v>
      </c>
    </row>
    <row r="104" spans="1:26" ht="15">
      <c r="A104" s="72" t="s">
        <v>456</v>
      </c>
      <c r="B104" s="72"/>
      <c r="C104" s="72"/>
      <c r="D104" s="62"/>
      <c r="E104" s="62"/>
      <c r="F104" s="63"/>
      <c r="N104" s="74" t="s">
        <v>85</v>
      </c>
      <c r="S104" s="21" t="s">
        <v>85</v>
      </c>
      <c r="Z104" s="74" t="s">
        <v>85</v>
      </c>
    </row>
    <row r="105" spans="1:26" ht="15">
      <c r="A105" s="72" t="s">
        <v>457</v>
      </c>
      <c r="B105" s="72"/>
      <c r="C105" s="72"/>
      <c r="D105" s="62"/>
      <c r="E105" s="62"/>
      <c r="F105" s="63"/>
      <c r="N105" s="74" t="s">
        <v>86</v>
      </c>
      <c r="S105" s="21" t="s">
        <v>86</v>
      </c>
      <c r="Z105" s="74" t="s">
        <v>86</v>
      </c>
    </row>
    <row r="106" spans="1:26" ht="15">
      <c r="A106" s="72" t="s">
        <v>458</v>
      </c>
      <c r="B106" s="72"/>
      <c r="C106" s="72"/>
      <c r="D106" s="62"/>
      <c r="E106" s="62"/>
      <c r="F106" s="63"/>
      <c r="N106" s="74" t="s">
        <v>87</v>
      </c>
      <c r="S106" s="21" t="s">
        <v>87</v>
      </c>
      <c r="Z106" s="74" t="s">
        <v>87</v>
      </c>
    </row>
    <row r="107" spans="1:26" ht="15">
      <c r="A107" s="72" t="s">
        <v>459</v>
      </c>
      <c r="B107" s="72"/>
      <c r="C107" s="72"/>
      <c r="D107" s="62"/>
      <c r="E107" s="62"/>
      <c r="F107" s="63"/>
      <c r="N107" s="74" t="s">
        <v>88</v>
      </c>
      <c r="S107" s="21" t="s">
        <v>88</v>
      </c>
      <c r="Z107" s="74" t="s">
        <v>88</v>
      </c>
    </row>
    <row r="108" spans="1:26" ht="15">
      <c r="A108" s="72" t="s">
        <v>460</v>
      </c>
      <c r="B108" s="72"/>
      <c r="C108" s="72"/>
      <c r="D108" s="62"/>
      <c r="E108" s="62"/>
      <c r="F108" s="63"/>
      <c r="N108" s="74" t="s">
        <v>89</v>
      </c>
      <c r="S108" s="21" t="s">
        <v>89</v>
      </c>
      <c r="Z108" s="74" t="s">
        <v>89</v>
      </c>
    </row>
    <row r="109" spans="1:26" ht="15">
      <c r="A109" s="72" t="s">
        <v>461</v>
      </c>
      <c r="B109" s="72"/>
      <c r="C109" s="72"/>
      <c r="D109" s="62"/>
      <c r="E109" s="62"/>
      <c r="F109" s="63"/>
      <c r="N109" s="74" t="s">
        <v>90</v>
      </c>
      <c r="S109" s="21" t="s">
        <v>90</v>
      </c>
      <c r="Z109" s="74" t="s">
        <v>90</v>
      </c>
    </row>
    <row r="110" spans="1:26" ht="15">
      <c r="A110" s="72" t="s">
        <v>462</v>
      </c>
      <c r="B110" s="72"/>
      <c r="C110" s="72"/>
      <c r="D110" s="62"/>
      <c r="E110" s="62"/>
      <c r="F110" s="63"/>
      <c r="N110" s="74" t="s">
        <v>91</v>
      </c>
      <c r="S110" s="21" t="s">
        <v>91</v>
      </c>
      <c r="Z110" s="74" t="s">
        <v>91</v>
      </c>
    </row>
    <row r="111" spans="1:26" ht="15">
      <c r="A111" s="72" t="s">
        <v>463</v>
      </c>
      <c r="B111" s="72"/>
      <c r="C111" s="72"/>
      <c r="D111" s="62"/>
      <c r="E111" s="62"/>
      <c r="F111" s="63"/>
      <c r="N111" s="74" t="s">
        <v>92</v>
      </c>
      <c r="S111" s="21" t="s">
        <v>92</v>
      </c>
      <c r="Z111" s="74" t="s">
        <v>92</v>
      </c>
    </row>
    <row r="112" spans="1:26" ht="15">
      <c r="A112" s="72" t="s">
        <v>464</v>
      </c>
      <c r="B112" s="72"/>
      <c r="C112" s="72"/>
      <c r="D112" s="62"/>
      <c r="E112" s="62"/>
      <c r="F112" s="63"/>
      <c r="N112" s="74" t="s">
        <v>93</v>
      </c>
      <c r="S112" s="21" t="s">
        <v>93</v>
      </c>
      <c r="Z112" s="74" t="s">
        <v>93</v>
      </c>
    </row>
    <row r="113" spans="1:26" ht="15">
      <c r="A113" s="72" t="s">
        <v>465</v>
      </c>
      <c r="B113" s="72"/>
      <c r="C113" s="72"/>
      <c r="D113" s="62"/>
      <c r="E113" s="62"/>
      <c r="F113" s="63"/>
      <c r="N113" s="74" t="s">
        <v>94</v>
      </c>
      <c r="S113" s="21" t="s">
        <v>94</v>
      </c>
      <c r="Z113" s="74" t="s">
        <v>94</v>
      </c>
    </row>
    <row r="114" spans="1:26" ht="15">
      <c r="A114" s="72" t="s">
        <v>466</v>
      </c>
      <c r="B114" s="72"/>
      <c r="C114" s="72"/>
      <c r="D114" s="62"/>
      <c r="E114" s="62"/>
      <c r="F114" s="63"/>
      <c r="N114" s="74" t="s">
        <v>95</v>
      </c>
      <c r="S114" s="21" t="s">
        <v>95</v>
      </c>
      <c r="Z114" s="74" t="s">
        <v>95</v>
      </c>
    </row>
    <row r="115" spans="1:26" ht="15">
      <c r="A115" s="72" t="s">
        <v>467</v>
      </c>
      <c r="B115" s="72"/>
      <c r="C115" s="72"/>
      <c r="D115" s="62"/>
      <c r="E115" s="62"/>
      <c r="F115" s="63"/>
      <c r="N115" s="74" t="s">
        <v>96</v>
      </c>
      <c r="S115" s="21" t="s">
        <v>96</v>
      </c>
      <c r="Z115" s="74" t="s">
        <v>96</v>
      </c>
    </row>
    <row r="116" spans="1:26" ht="15">
      <c r="A116" s="72" t="s">
        <v>468</v>
      </c>
      <c r="B116" s="72"/>
      <c r="C116" s="72"/>
      <c r="D116" s="62"/>
      <c r="E116" s="62"/>
      <c r="F116" s="63"/>
      <c r="N116" s="74" t="s">
        <v>97</v>
      </c>
      <c r="S116" s="21" t="s">
        <v>97</v>
      </c>
      <c r="Z116" s="74" t="s">
        <v>97</v>
      </c>
    </row>
    <row r="117" spans="1:26" ht="15">
      <c r="A117" s="72" t="s">
        <v>469</v>
      </c>
      <c r="B117" s="72"/>
      <c r="C117" s="72"/>
      <c r="D117" s="62"/>
      <c r="E117" s="62"/>
      <c r="F117" s="63"/>
      <c r="N117" s="74" t="s">
        <v>98</v>
      </c>
      <c r="S117" s="21" t="s">
        <v>98</v>
      </c>
      <c r="Z117" s="74" t="s">
        <v>98</v>
      </c>
    </row>
    <row r="118" spans="1:26" ht="15">
      <c r="A118" s="72" t="s">
        <v>470</v>
      </c>
      <c r="B118" s="72"/>
      <c r="C118" s="72"/>
      <c r="D118" s="62"/>
      <c r="E118" s="62"/>
      <c r="F118" s="63"/>
      <c r="N118" s="74" t="s">
        <v>99</v>
      </c>
      <c r="S118" s="21" t="s">
        <v>99</v>
      </c>
      <c r="Z118" s="74" t="s">
        <v>99</v>
      </c>
    </row>
    <row r="119" spans="1:26" ht="15">
      <c r="A119" s="72" t="s">
        <v>471</v>
      </c>
      <c r="B119" s="72"/>
      <c r="C119" s="72"/>
      <c r="D119" s="62"/>
      <c r="E119" s="62"/>
      <c r="F119" s="63"/>
      <c r="N119" s="74" t="s">
        <v>100</v>
      </c>
      <c r="S119" s="21" t="s">
        <v>100</v>
      </c>
      <c r="Z119" s="74" t="s">
        <v>100</v>
      </c>
    </row>
    <row r="120" spans="1:26" ht="15">
      <c r="A120" s="72" t="s">
        <v>472</v>
      </c>
      <c r="B120" s="72"/>
      <c r="C120" s="72"/>
      <c r="D120" s="62"/>
      <c r="E120" s="62"/>
      <c r="F120" s="63"/>
      <c r="N120" s="74" t="s">
        <v>101</v>
      </c>
      <c r="S120" s="21" t="s">
        <v>101</v>
      </c>
      <c r="Z120" s="74" t="s">
        <v>101</v>
      </c>
    </row>
    <row r="121" spans="1:26" ht="15">
      <c r="A121" s="72" t="s">
        <v>473</v>
      </c>
      <c r="B121" s="72"/>
      <c r="C121" s="72"/>
      <c r="D121" s="62"/>
      <c r="E121" s="62"/>
      <c r="F121" s="63"/>
      <c r="N121" s="74" t="s">
        <v>102</v>
      </c>
      <c r="S121" s="21" t="s">
        <v>102</v>
      </c>
      <c r="Z121" s="74" t="s">
        <v>102</v>
      </c>
    </row>
    <row r="122" spans="1:26" ht="15">
      <c r="A122" s="72" t="s">
        <v>474</v>
      </c>
      <c r="B122" s="72"/>
      <c r="C122" s="72"/>
      <c r="D122" s="62"/>
      <c r="E122" s="62"/>
      <c r="F122" s="63"/>
      <c r="N122" s="74" t="s">
        <v>103</v>
      </c>
      <c r="S122" s="21" t="s">
        <v>103</v>
      </c>
      <c r="Z122" s="74" t="s">
        <v>103</v>
      </c>
    </row>
    <row r="123" spans="1:26" ht="15">
      <c r="A123" s="72" t="s">
        <v>475</v>
      </c>
      <c r="B123" s="72"/>
      <c r="C123" s="72"/>
      <c r="D123" s="62"/>
      <c r="E123" s="62"/>
      <c r="F123" s="63"/>
      <c r="N123" s="74" t="s">
        <v>104</v>
      </c>
      <c r="S123" s="21" t="s">
        <v>104</v>
      </c>
      <c r="Z123" s="74" t="s">
        <v>104</v>
      </c>
    </row>
    <row r="124" spans="1:26" ht="15">
      <c r="A124" s="72" t="s">
        <v>476</v>
      </c>
      <c r="B124" s="72"/>
      <c r="C124" s="72"/>
      <c r="D124" s="62"/>
      <c r="E124" s="62"/>
      <c r="F124" s="63"/>
      <c r="N124" s="74" t="s">
        <v>105</v>
      </c>
      <c r="S124" s="21" t="s">
        <v>105</v>
      </c>
      <c r="Z124" s="74" t="s">
        <v>105</v>
      </c>
    </row>
    <row r="125" spans="1:26" ht="15">
      <c r="A125" s="72" t="s">
        <v>477</v>
      </c>
      <c r="B125" s="72"/>
      <c r="C125" s="72"/>
      <c r="D125" s="62"/>
      <c r="E125" s="62"/>
      <c r="F125" s="63"/>
      <c r="N125" s="74" t="s">
        <v>106</v>
      </c>
      <c r="S125" s="21" t="s">
        <v>106</v>
      </c>
      <c r="Z125" s="74" t="s">
        <v>106</v>
      </c>
    </row>
    <row r="126" spans="1:26" ht="15">
      <c r="A126" s="72" t="s">
        <v>478</v>
      </c>
      <c r="B126" s="72"/>
      <c r="C126" s="72"/>
      <c r="D126" s="62"/>
      <c r="E126" s="62"/>
      <c r="F126" s="63"/>
      <c r="N126" s="74" t="s">
        <v>107</v>
      </c>
      <c r="S126" s="21" t="s">
        <v>107</v>
      </c>
      <c r="Z126" s="74" t="s">
        <v>107</v>
      </c>
    </row>
    <row r="127" spans="1:26" ht="15">
      <c r="A127" s="72" t="s">
        <v>479</v>
      </c>
      <c r="B127" s="72"/>
      <c r="C127" s="72"/>
      <c r="D127" s="62"/>
      <c r="E127" s="62"/>
      <c r="F127" s="63"/>
      <c r="N127" s="74" t="s">
        <v>108</v>
      </c>
      <c r="S127" s="21" t="s">
        <v>108</v>
      </c>
      <c r="Z127" s="74" t="s">
        <v>108</v>
      </c>
    </row>
    <row r="128" spans="1:26" ht="15">
      <c r="A128" s="72" t="s">
        <v>480</v>
      </c>
      <c r="B128" s="72"/>
      <c r="C128" s="72"/>
      <c r="D128" s="62"/>
      <c r="E128" s="62"/>
      <c r="F128" s="63"/>
      <c r="N128" s="74" t="s">
        <v>109</v>
      </c>
      <c r="S128" s="21" t="s">
        <v>109</v>
      </c>
      <c r="Z128" s="74" t="s">
        <v>109</v>
      </c>
    </row>
    <row r="129" spans="1:26" ht="15">
      <c r="A129" s="72" t="s">
        <v>481</v>
      </c>
      <c r="B129" s="72"/>
      <c r="C129" s="72"/>
      <c r="D129" s="62"/>
      <c r="E129" s="62"/>
      <c r="F129" s="63"/>
      <c r="N129" s="74" t="s">
        <v>110</v>
      </c>
      <c r="S129" s="21" t="s">
        <v>110</v>
      </c>
      <c r="Z129" s="74" t="s">
        <v>110</v>
      </c>
    </row>
    <row r="130" spans="1:26" ht="15">
      <c r="A130" s="72" t="s">
        <v>482</v>
      </c>
      <c r="B130" s="72"/>
      <c r="C130" s="72"/>
      <c r="D130" s="62"/>
      <c r="E130" s="62"/>
      <c r="F130" s="63"/>
      <c r="N130" s="74" t="s">
        <v>111</v>
      </c>
      <c r="S130" s="21" t="s">
        <v>111</v>
      </c>
      <c r="Z130" s="74" t="s">
        <v>111</v>
      </c>
    </row>
    <row r="131" spans="1:26" ht="15">
      <c r="A131" s="72" t="s">
        <v>483</v>
      </c>
      <c r="B131" s="72"/>
      <c r="C131" s="72"/>
      <c r="D131" s="62"/>
      <c r="E131" s="62"/>
      <c r="F131" s="63"/>
      <c r="N131" s="74" t="s">
        <v>112</v>
      </c>
      <c r="S131" s="21" t="s">
        <v>112</v>
      </c>
      <c r="Z131" s="74" t="s">
        <v>112</v>
      </c>
    </row>
    <row r="132" spans="1:26" ht="15">
      <c r="A132" s="72" t="s">
        <v>484</v>
      </c>
      <c r="B132" s="72"/>
      <c r="C132" s="72"/>
      <c r="D132" s="62"/>
      <c r="E132" s="62"/>
      <c r="F132" s="63"/>
      <c r="N132" s="74" t="s">
        <v>113</v>
      </c>
      <c r="S132" s="21" t="s">
        <v>113</v>
      </c>
      <c r="Z132" s="74" t="s">
        <v>113</v>
      </c>
    </row>
    <row r="133" spans="1:26" ht="15">
      <c r="A133" s="72" t="s">
        <v>485</v>
      </c>
      <c r="B133" s="72"/>
      <c r="C133" s="72"/>
      <c r="D133" s="62"/>
      <c r="E133" s="62"/>
      <c r="F133" s="63"/>
      <c r="N133" s="74" t="s">
        <v>114</v>
      </c>
      <c r="S133" s="21" t="s">
        <v>114</v>
      </c>
      <c r="Z133" s="74" t="s">
        <v>114</v>
      </c>
    </row>
    <row r="134" spans="1:26" ht="15">
      <c r="A134" s="72" t="s">
        <v>486</v>
      </c>
      <c r="B134" s="72"/>
      <c r="C134" s="72"/>
      <c r="D134" s="62"/>
      <c r="E134" s="62"/>
      <c r="F134" s="63"/>
      <c r="N134" s="74" t="s">
        <v>115</v>
      </c>
      <c r="S134" s="21" t="s">
        <v>115</v>
      </c>
      <c r="Z134" s="74" t="s">
        <v>115</v>
      </c>
    </row>
    <row r="135" spans="1:26" ht="15">
      <c r="A135" s="72" t="s">
        <v>487</v>
      </c>
      <c r="B135" s="72"/>
      <c r="C135" s="72"/>
      <c r="D135" s="62"/>
      <c r="E135" s="62"/>
      <c r="F135" s="63"/>
      <c r="N135" s="74" t="s">
        <v>116</v>
      </c>
      <c r="S135" s="21" t="s">
        <v>116</v>
      </c>
      <c r="Z135" s="74" t="s">
        <v>116</v>
      </c>
    </row>
    <row r="136" spans="1:26" ht="15">
      <c r="A136" s="72" t="s">
        <v>488</v>
      </c>
      <c r="B136" s="72"/>
      <c r="C136" s="72"/>
      <c r="D136" s="62"/>
      <c r="E136" s="62"/>
      <c r="F136" s="63"/>
      <c r="N136" s="74" t="s">
        <v>117</v>
      </c>
      <c r="S136" s="21" t="s">
        <v>117</v>
      </c>
      <c r="Z136" s="74" t="s">
        <v>117</v>
      </c>
    </row>
    <row r="137" spans="1:26" ht="15">
      <c r="A137" s="72" t="s">
        <v>489</v>
      </c>
      <c r="B137" s="72"/>
      <c r="C137" s="72"/>
      <c r="D137" s="62"/>
      <c r="E137" s="62"/>
      <c r="F137" s="63"/>
      <c r="N137" s="74" t="s">
        <v>118</v>
      </c>
      <c r="S137" s="21" t="s">
        <v>118</v>
      </c>
      <c r="Z137" s="74" t="s">
        <v>118</v>
      </c>
    </row>
    <row r="138" spans="1:26" ht="15">
      <c r="A138" s="72" t="s">
        <v>490</v>
      </c>
      <c r="B138" s="72"/>
      <c r="C138" s="72"/>
      <c r="D138" s="62"/>
      <c r="E138" s="62"/>
      <c r="F138" s="63"/>
      <c r="N138" s="74" t="s">
        <v>119</v>
      </c>
      <c r="S138" s="21" t="s">
        <v>119</v>
      </c>
      <c r="Z138" s="74" t="s">
        <v>119</v>
      </c>
    </row>
    <row r="139" spans="1:26" ht="15">
      <c r="A139" s="72" t="s">
        <v>491</v>
      </c>
      <c r="B139" s="72"/>
      <c r="C139" s="72"/>
      <c r="D139" s="62"/>
      <c r="E139" s="62"/>
      <c r="F139" s="63"/>
      <c r="N139" s="74" t="s">
        <v>120</v>
      </c>
      <c r="S139" s="21" t="s">
        <v>120</v>
      </c>
      <c r="Z139" s="74" t="s">
        <v>120</v>
      </c>
    </row>
    <row r="140" spans="1:26" ht="45" customHeight="1">
      <c r="A140" s="67" t="s">
        <v>354</v>
      </c>
      <c r="B140" s="41"/>
      <c r="C140" s="41"/>
      <c r="D140" s="69"/>
      <c r="E140" s="69"/>
      <c r="F140" s="69"/>
      <c r="N140" s="74" t="s">
        <v>171</v>
      </c>
      <c r="S140" s="21" t="s">
        <v>171</v>
      </c>
      <c r="Z140" s="74" t="s">
        <v>121</v>
      </c>
    </row>
    <row r="141" spans="1:26" ht="15">
      <c r="A141" s="72" t="s">
        <v>355</v>
      </c>
      <c r="B141" s="72"/>
      <c r="C141" s="72"/>
      <c r="D141" s="62"/>
      <c r="E141" s="62"/>
      <c r="F141" s="63"/>
      <c r="N141" s="74" t="s">
        <v>172</v>
      </c>
      <c r="S141" s="21" t="s">
        <v>172</v>
      </c>
      <c r="Z141" s="74" t="s">
        <v>122</v>
      </c>
    </row>
    <row r="142" spans="1:26" ht="15">
      <c r="A142" s="72" t="s">
        <v>356</v>
      </c>
      <c r="B142" s="72"/>
      <c r="C142" s="72"/>
      <c r="D142" s="62"/>
      <c r="E142" s="62"/>
      <c r="F142" s="63"/>
      <c r="N142" s="74" t="s">
        <v>173</v>
      </c>
      <c r="S142" s="21" t="s">
        <v>173</v>
      </c>
      <c r="Z142" s="74" t="s">
        <v>123</v>
      </c>
    </row>
    <row r="143" spans="1:26" ht="15">
      <c r="A143" s="72" t="s">
        <v>357</v>
      </c>
      <c r="B143" s="72"/>
      <c r="C143" s="72"/>
      <c r="D143" s="62"/>
      <c r="E143" s="62"/>
      <c r="F143" s="63"/>
      <c r="N143" s="74" t="s">
        <v>174</v>
      </c>
      <c r="S143" s="21" t="s">
        <v>174</v>
      </c>
      <c r="Z143" s="74" t="s">
        <v>124</v>
      </c>
    </row>
    <row r="144" spans="1:26" ht="15">
      <c r="A144" s="72" t="s">
        <v>358</v>
      </c>
      <c r="B144" s="72"/>
      <c r="C144" s="72"/>
      <c r="D144" s="62"/>
      <c r="E144" s="62"/>
      <c r="F144" s="63"/>
      <c r="N144" s="74" t="s">
        <v>175</v>
      </c>
      <c r="S144" s="21" t="s">
        <v>175</v>
      </c>
      <c r="Z144" s="74" t="s">
        <v>125</v>
      </c>
    </row>
    <row r="145" spans="1:26" ht="15">
      <c r="A145" s="72" t="s">
        <v>359</v>
      </c>
      <c r="B145" s="72"/>
      <c r="C145" s="72"/>
      <c r="D145" s="62"/>
      <c r="E145" s="62"/>
      <c r="F145" s="63"/>
      <c r="N145" s="74" t="s">
        <v>176</v>
      </c>
      <c r="S145" s="21" t="s">
        <v>176</v>
      </c>
      <c r="Z145" s="74" t="s">
        <v>126</v>
      </c>
    </row>
    <row r="146" spans="1:26" ht="15">
      <c r="A146" s="72" t="s">
        <v>360</v>
      </c>
      <c r="B146" s="72"/>
      <c r="C146" s="72"/>
      <c r="D146" s="62"/>
      <c r="E146" s="62"/>
      <c r="F146" s="63"/>
      <c r="N146" s="74" t="s">
        <v>177</v>
      </c>
      <c r="S146" s="21" t="s">
        <v>177</v>
      </c>
      <c r="Z146" s="74" t="s">
        <v>127</v>
      </c>
    </row>
    <row r="147" spans="1:26" ht="15">
      <c r="A147" s="72" t="s">
        <v>361</v>
      </c>
      <c r="B147" s="72"/>
      <c r="C147" s="72"/>
      <c r="D147" s="62"/>
      <c r="E147" s="62"/>
      <c r="F147" s="63"/>
      <c r="N147" s="74" t="s">
        <v>178</v>
      </c>
      <c r="S147" s="21" t="s">
        <v>178</v>
      </c>
      <c r="Z147" s="74" t="s">
        <v>128</v>
      </c>
    </row>
    <row r="148" spans="1:26" ht="15">
      <c r="A148" s="72" t="s">
        <v>362</v>
      </c>
      <c r="B148" s="72"/>
      <c r="C148" s="72"/>
      <c r="D148" s="62"/>
      <c r="E148" s="62"/>
      <c r="F148" s="63"/>
      <c r="N148" s="74" t="s">
        <v>179</v>
      </c>
      <c r="S148" s="21" t="s">
        <v>179</v>
      </c>
      <c r="Z148" s="74" t="s">
        <v>129</v>
      </c>
    </row>
    <row r="149" spans="1:26" ht="15">
      <c r="A149" s="72" t="s">
        <v>363</v>
      </c>
      <c r="B149" s="72"/>
      <c r="C149" s="72"/>
      <c r="D149" s="62"/>
      <c r="E149" s="62"/>
      <c r="F149" s="63"/>
      <c r="N149" s="74" t="s">
        <v>180</v>
      </c>
      <c r="S149" s="21" t="s">
        <v>180</v>
      </c>
      <c r="Z149" s="74" t="s">
        <v>130</v>
      </c>
    </row>
    <row r="150" spans="1:26" ht="15">
      <c r="A150" s="72" t="s">
        <v>364</v>
      </c>
      <c r="B150" s="72"/>
      <c r="C150" s="72"/>
      <c r="D150" s="62"/>
      <c r="E150" s="62"/>
      <c r="F150" s="63"/>
      <c r="N150" s="74" t="s">
        <v>181</v>
      </c>
      <c r="S150" s="21" t="s">
        <v>181</v>
      </c>
      <c r="Z150" s="74" t="s">
        <v>131</v>
      </c>
    </row>
    <row r="151" spans="1:26" ht="15">
      <c r="A151" s="72" t="s">
        <v>365</v>
      </c>
      <c r="B151" s="72"/>
      <c r="C151" s="72"/>
      <c r="D151" s="62"/>
      <c r="E151" s="62"/>
      <c r="F151" s="63"/>
      <c r="N151" s="74" t="s">
        <v>182</v>
      </c>
      <c r="S151" s="21" t="s">
        <v>182</v>
      </c>
      <c r="Z151" s="74" t="s">
        <v>132</v>
      </c>
    </row>
    <row r="152" spans="1:26" ht="15">
      <c r="A152" s="72" t="s">
        <v>366</v>
      </c>
      <c r="B152" s="72"/>
      <c r="C152" s="72"/>
      <c r="D152" s="62"/>
      <c r="E152" s="62"/>
      <c r="F152" s="63"/>
      <c r="N152" s="74" t="s">
        <v>183</v>
      </c>
      <c r="S152" s="21" t="s">
        <v>183</v>
      </c>
      <c r="Z152" s="74" t="s">
        <v>133</v>
      </c>
    </row>
    <row r="153" spans="1:26" ht="15">
      <c r="A153" s="72" t="s">
        <v>367</v>
      </c>
      <c r="B153" s="72"/>
      <c r="C153" s="72"/>
      <c r="D153" s="62"/>
      <c r="E153" s="62"/>
      <c r="F153" s="63"/>
      <c r="N153" s="74" t="s">
        <v>184</v>
      </c>
      <c r="S153" s="21" t="s">
        <v>184</v>
      </c>
      <c r="Z153" s="74" t="s">
        <v>134</v>
      </c>
    </row>
    <row r="154" spans="1:26" ht="15">
      <c r="A154" s="72" t="s">
        <v>368</v>
      </c>
      <c r="B154" s="72"/>
      <c r="C154" s="72"/>
      <c r="D154" s="62"/>
      <c r="E154" s="62"/>
      <c r="F154" s="63"/>
      <c r="N154" s="74" t="s">
        <v>185</v>
      </c>
      <c r="S154" s="21" t="s">
        <v>185</v>
      </c>
      <c r="Z154" s="74" t="s">
        <v>135</v>
      </c>
    </row>
    <row r="155" spans="1:26" ht="15">
      <c r="A155" s="72" t="s">
        <v>369</v>
      </c>
      <c r="B155" s="72"/>
      <c r="C155" s="72"/>
      <c r="D155" s="62"/>
      <c r="E155" s="62"/>
      <c r="F155" s="63"/>
      <c r="N155" s="74" t="s">
        <v>186</v>
      </c>
      <c r="S155" s="21" t="s">
        <v>186</v>
      </c>
      <c r="Z155" s="74" t="s">
        <v>136</v>
      </c>
    </row>
    <row r="156" spans="1:26" ht="15">
      <c r="A156" s="72" t="s">
        <v>370</v>
      </c>
      <c r="B156" s="72"/>
      <c r="C156" s="72"/>
      <c r="D156" s="62"/>
      <c r="E156" s="62"/>
      <c r="F156" s="63"/>
      <c r="N156" s="74" t="s">
        <v>187</v>
      </c>
      <c r="S156" s="21" t="s">
        <v>187</v>
      </c>
      <c r="Z156" s="74" t="s">
        <v>137</v>
      </c>
    </row>
    <row r="157" spans="1:26" ht="15">
      <c r="A157" s="72" t="s">
        <v>371</v>
      </c>
      <c r="B157" s="72"/>
      <c r="C157" s="72"/>
      <c r="D157" s="62"/>
      <c r="E157" s="62"/>
      <c r="F157" s="63"/>
      <c r="N157" s="74" t="s">
        <v>188</v>
      </c>
      <c r="S157" s="21" t="s">
        <v>188</v>
      </c>
      <c r="Z157" s="74" t="s">
        <v>138</v>
      </c>
    </row>
    <row r="158" spans="1:26" ht="15">
      <c r="A158" s="72" t="s">
        <v>372</v>
      </c>
      <c r="B158" s="72"/>
      <c r="C158" s="72"/>
      <c r="D158" s="62"/>
      <c r="E158" s="62"/>
      <c r="F158" s="63"/>
      <c r="N158" s="74" t="s">
        <v>189</v>
      </c>
      <c r="S158" s="21" t="s">
        <v>189</v>
      </c>
      <c r="Z158" s="74" t="s">
        <v>139</v>
      </c>
    </row>
    <row r="159" spans="1:26" ht="15">
      <c r="A159" s="72" t="s">
        <v>373</v>
      </c>
      <c r="B159" s="72"/>
      <c r="C159" s="72"/>
      <c r="D159" s="62"/>
      <c r="E159" s="62"/>
      <c r="F159" s="63"/>
      <c r="N159" s="74" t="s">
        <v>190</v>
      </c>
      <c r="S159" s="21" t="s">
        <v>190</v>
      </c>
      <c r="Z159" s="74" t="s">
        <v>140</v>
      </c>
    </row>
    <row r="160" spans="1:26" ht="15">
      <c r="A160" s="72" t="s">
        <v>374</v>
      </c>
      <c r="B160" s="72"/>
      <c r="C160" s="72"/>
      <c r="D160" s="62"/>
      <c r="E160" s="62"/>
      <c r="F160" s="63"/>
      <c r="N160" s="74" t="s">
        <v>191</v>
      </c>
      <c r="S160" s="21" t="s">
        <v>191</v>
      </c>
      <c r="Z160" s="74" t="s">
        <v>141</v>
      </c>
    </row>
    <row r="161" spans="1:26" ht="15">
      <c r="A161" s="72" t="s">
        <v>492</v>
      </c>
      <c r="B161" s="72"/>
      <c r="C161" s="72"/>
      <c r="D161" s="62"/>
      <c r="E161" s="62"/>
      <c r="F161" s="63"/>
      <c r="N161" s="74" t="s">
        <v>192</v>
      </c>
      <c r="S161" s="21" t="s">
        <v>192</v>
      </c>
      <c r="Z161" s="74" t="s">
        <v>142</v>
      </c>
    </row>
    <row r="162" spans="1:26" ht="15">
      <c r="A162" s="72" t="s">
        <v>493</v>
      </c>
      <c r="B162" s="72"/>
      <c r="C162" s="72"/>
      <c r="D162" s="62"/>
      <c r="E162" s="62"/>
      <c r="F162" s="63"/>
      <c r="N162" s="74" t="s">
        <v>193</v>
      </c>
      <c r="S162" s="21" t="s">
        <v>193</v>
      </c>
      <c r="Z162" s="74" t="s">
        <v>143</v>
      </c>
    </row>
    <row r="163" spans="1:26" ht="15">
      <c r="A163" s="72" t="s">
        <v>494</v>
      </c>
      <c r="B163" s="72"/>
      <c r="C163" s="72"/>
      <c r="D163" s="62"/>
      <c r="E163" s="62"/>
      <c r="F163" s="63"/>
      <c r="N163" s="74" t="s">
        <v>194</v>
      </c>
      <c r="S163" s="21" t="s">
        <v>194</v>
      </c>
      <c r="Z163" s="74" t="s">
        <v>144</v>
      </c>
    </row>
    <row r="164" spans="1:26" ht="15">
      <c r="A164" s="72" t="s">
        <v>495</v>
      </c>
      <c r="B164" s="72"/>
      <c r="C164" s="72"/>
      <c r="D164" s="62"/>
      <c r="E164" s="62"/>
      <c r="F164" s="63"/>
      <c r="N164" s="74" t="s">
        <v>195</v>
      </c>
      <c r="S164" s="21" t="s">
        <v>195</v>
      </c>
      <c r="Z164" s="74" t="s">
        <v>145</v>
      </c>
    </row>
    <row r="165" spans="1:26" ht="15">
      <c r="A165" s="72" t="s">
        <v>496</v>
      </c>
      <c r="B165" s="72"/>
      <c r="C165" s="72"/>
      <c r="D165" s="62"/>
      <c r="E165" s="62"/>
      <c r="F165" s="63"/>
      <c r="N165" s="74" t="s">
        <v>196</v>
      </c>
      <c r="S165" s="21" t="s">
        <v>196</v>
      </c>
      <c r="Z165" s="74" t="s">
        <v>146</v>
      </c>
    </row>
    <row r="166" spans="1:26" ht="15">
      <c r="A166" s="72" t="s">
        <v>497</v>
      </c>
      <c r="B166" s="72"/>
      <c r="C166" s="72"/>
      <c r="D166" s="62"/>
      <c r="E166" s="62"/>
      <c r="F166" s="63"/>
      <c r="N166" s="74" t="s">
        <v>197</v>
      </c>
      <c r="S166" s="21" t="s">
        <v>197</v>
      </c>
      <c r="Z166" s="74" t="s">
        <v>147</v>
      </c>
    </row>
    <row r="167" spans="1:26" ht="15">
      <c r="A167" s="72" t="s">
        <v>498</v>
      </c>
      <c r="B167" s="72"/>
      <c r="C167" s="72"/>
      <c r="D167" s="62"/>
      <c r="E167" s="62"/>
      <c r="F167" s="63"/>
      <c r="N167" s="74" t="s">
        <v>198</v>
      </c>
      <c r="S167" s="21" t="s">
        <v>198</v>
      </c>
      <c r="Z167" s="74" t="s">
        <v>148</v>
      </c>
    </row>
    <row r="168" spans="1:26" ht="15">
      <c r="A168" s="72" t="s">
        <v>499</v>
      </c>
      <c r="B168" s="72"/>
      <c r="C168" s="72"/>
      <c r="D168" s="62"/>
      <c r="E168" s="62"/>
      <c r="F168" s="63"/>
      <c r="N168" s="74" t="s">
        <v>199</v>
      </c>
      <c r="S168" s="21" t="s">
        <v>199</v>
      </c>
      <c r="Z168" s="74" t="s">
        <v>149</v>
      </c>
    </row>
    <row r="169" spans="1:26" ht="15">
      <c r="A169" s="72" t="s">
        <v>500</v>
      </c>
      <c r="B169" s="72"/>
      <c r="C169" s="72"/>
      <c r="D169" s="62"/>
      <c r="E169" s="62"/>
      <c r="F169" s="63"/>
      <c r="N169" s="74" t="s">
        <v>200</v>
      </c>
      <c r="S169" s="21" t="s">
        <v>200</v>
      </c>
      <c r="Z169" s="74" t="s">
        <v>150</v>
      </c>
    </row>
    <row r="170" spans="1:26" ht="15">
      <c r="A170" s="72" t="s">
        <v>501</v>
      </c>
      <c r="B170" s="72"/>
      <c r="C170" s="72"/>
      <c r="D170" s="62"/>
      <c r="E170" s="62"/>
      <c r="F170" s="63"/>
      <c r="N170" s="74" t="s">
        <v>201</v>
      </c>
      <c r="S170" s="21" t="s">
        <v>201</v>
      </c>
      <c r="Z170" s="74" t="s">
        <v>151</v>
      </c>
    </row>
    <row r="171" spans="1:26" ht="15">
      <c r="A171" s="72" t="s">
        <v>502</v>
      </c>
      <c r="B171" s="72"/>
      <c r="C171" s="72"/>
      <c r="D171" s="62"/>
      <c r="E171" s="62"/>
      <c r="F171" s="63"/>
      <c r="N171" s="74" t="s">
        <v>202</v>
      </c>
      <c r="S171" s="21" t="s">
        <v>202</v>
      </c>
      <c r="Z171" s="74" t="s">
        <v>152</v>
      </c>
    </row>
    <row r="172" spans="1:26" ht="15">
      <c r="A172" s="72" t="s">
        <v>503</v>
      </c>
      <c r="B172" s="72"/>
      <c r="C172" s="72"/>
      <c r="D172" s="62"/>
      <c r="E172" s="62"/>
      <c r="F172" s="63"/>
      <c r="N172" s="74" t="s">
        <v>203</v>
      </c>
      <c r="S172" s="21" t="s">
        <v>203</v>
      </c>
      <c r="Z172" s="74" t="s">
        <v>153</v>
      </c>
    </row>
    <row r="173" spans="1:26" ht="15">
      <c r="A173" s="72" t="s">
        <v>504</v>
      </c>
      <c r="B173" s="72"/>
      <c r="C173" s="72"/>
      <c r="D173" s="62"/>
      <c r="E173" s="62"/>
      <c r="F173" s="63"/>
      <c r="N173" s="74" t="s">
        <v>204</v>
      </c>
      <c r="S173" s="21" t="s">
        <v>204</v>
      </c>
      <c r="Z173" s="74" t="s">
        <v>154</v>
      </c>
    </row>
    <row r="174" spans="1:26" ht="15">
      <c r="A174" s="72" t="s">
        <v>505</v>
      </c>
      <c r="B174" s="72"/>
      <c r="C174" s="72"/>
      <c r="D174" s="62"/>
      <c r="E174" s="62"/>
      <c r="F174" s="63"/>
      <c r="N174" s="74" t="s">
        <v>205</v>
      </c>
      <c r="S174" s="21" t="s">
        <v>205</v>
      </c>
      <c r="Z174" s="74" t="s">
        <v>155</v>
      </c>
    </row>
    <row r="175" spans="1:26" ht="15">
      <c r="A175" s="72" t="s">
        <v>506</v>
      </c>
      <c r="B175" s="72"/>
      <c r="C175" s="72"/>
      <c r="D175" s="62"/>
      <c r="E175" s="62"/>
      <c r="F175" s="63"/>
      <c r="N175" s="74" t="s">
        <v>206</v>
      </c>
      <c r="S175" s="21" t="s">
        <v>206</v>
      </c>
      <c r="Z175" s="74" t="s">
        <v>156</v>
      </c>
    </row>
    <row r="176" spans="1:26" ht="15">
      <c r="A176" s="72" t="s">
        <v>507</v>
      </c>
      <c r="B176" s="72"/>
      <c r="C176" s="72"/>
      <c r="D176" s="62"/>
      <c r="E176" s="62"/>
      <c r="F176" s="63"/>
      <c r="N176" s="74" t="s">
        <v>207</v>
      </c>
      <c r="S176" s="21" t="s">
        <v>207</v>
      </c>
      <c r="Z176" s="74" t="s">
        <v>157</v>
      </c>
    </row>
    <row r="177" spans="1:26" ht="15">
      <c r="A177" s="72" t="s">
        <v>508</v>
      </c>
      <c r="B177" s="72"/>
      <c r="C177" s="72"/>
      <c r="D177" s="62"/>
      <c r="E177" s="62"/>
      <c r="F177" s="63"/>
      <c r="N177" s="74" t="s">
        <v>208</v>
      </c>
      <c r="S177" s="21" t="s">
        <v>208</v>
      </c>
      <c r="Z177" s="74" t="s">
        <v>158</v>
      </c>
    </row>
    <row r="178" spans="1:26" ht="15">
      <c r="A178" s="72" t="s">
        <v>509</v>
      </c>
      <c r="B178" s="72"/>
      <c r="C178" s="72"/>
      <c r="D178" s="62"/>
      <c r="E178" s="62"/>
      <c r="F178" s="63"/>
      <c r="N178" s="74" t="s">
        <v>209</v>
      </c>
      <c r="S178" s="21" t="s">
        <v>209</v>
      </c>
      <c r="Z178" s="74" t="s">
        <v>159</v>
      </c>
    </row>
    <row r="179" spans="1:26" ht="15">
      <c r="A179" s="72" t="s">
        <v>510</v>
      </c>
      <c r="B179" s="72"/>
      <c r="C179" s="72"/>
      <c r="D179" s="62"/>
      <c r="E179" s="62"/>
      <c r="F179" s="63"/>
      <c r="N179" s="74" t="s">
        <v>210</v>
      </c>
      <c r="S179" s="21" t="s">
        <v>210</v>
      </c>
      <c r="Z179" s="74" t="s">
        <v>160</v>
      </c>
    </row>
    <row r="180" spans="1:26" ht="15">
      <c r="A180" s="72" t="s">
        <v>511</v>
      </c>
      <c r="B180" s="72"/>
      <c r="C180" s="72"/>
      <c r="D180" s="62"/>
      <c r="E180" s="62"/>
      <c r="F180" s="63"/>
      <c r="N180" s="74" t="s">
        <v>211</v>
      </c>
      <c r="S180" s="21" t="s">
        <v>211</v>
      </c>
      <c r="Z180" s="74" t="s">
        <v>161</v>
      </c>
    </row>
    <row r="181" spans="1:26" ht="15">
      <c r="A181" s="72" t="s">
        <v>512</v>
      </c>
      <c r="B181" s="72"/>
      <c r="C181" s="72"/>
      <c r="D181" s="62"/>
      <c r="E181" s="62"/>
      <c r="F181" s="63"/>
      <c r="N181" s="74" t="s">
        <v>212</v>
      </c>
      <c r="S181" s="21" t="s">
        <v>212</v>
      </c>
      <c r="Z181" s="74" t="s">
        <v>162</v>
      </c>
    </row>
    <row r="182" spans="1:26" ht="15">
      <c r="A182" s="72" t="s">
        <v>513</v>
      </c>
      <c r="B182" s="72"/>
      <c r="C182" s="72"/>
      <c r="D182" s="62"/>
      <c r="E182" s="62"/>
      <c r="F182" s="63"/>
      <c r="N182" s="74" t="s">
        <v>213</v>
      </c>
      <c r="S182" s="21" t="s">
        <v>213</v>
      </c>
      <c r="Z182" s="74" t="s">
        <v>163</v>
      </c>
    </row>
    <row r="183" spans="1:26" ht="15">
      <c r="A183" s="72" t="s">
        <v>514</v>
      </c>
      <c r="B183" s="72"/>
      <c r="C183" s="72"/>
      <c r="D183" s="62"/>
      <c r="E183" s="62"/>
      <c r="F183" s="63"/>
      <c r="N183" s="74" t="s">
        <v>214</v>
      </c>
      <c r="S183" s="21" t="s">
        <v>214</v>
      </c>
      <c r="Z183" s="74" t="s">
        <v>164</v>
      </c>
    </row>
    <row r="184" spans="1:26" ht="15">
      <c r="A184" s="72" t="s">
        <v>515</v>
      </c>
      <c r="B184" s="72"/>
      <c r="C184" s="72"/>
      <c r="D184" s="62"/>
      <c r="E184" s="62"/>
      <c r="F184" s="63"/>
      <c r="N184" s="74" t="s">
        <v>215</v>
      </c>
      <c r="S184" s="21" t="s">
        <v>215</v>
      </c>
      <c r="Z184" s="74" t="s">
        <v>165</v>
      </c>
    </row>
    <row r="185" spans="1:26" ht="15">
      <c r="A185" s="72" t="s">
        <v>516</v>
      </c>
      <c r="B185" s="72"/>
      <c r="C185" s="72"/>
      <c r="D185" s="62"/>
      <c r="E185" s="62"/>
      <c r="F185" s="63"/>
      <c r="N185" s="74" t="s">
        <v>216</v>
      </c>
      <c r="S185" s="21" t="s">
        <v>216</v>
      </c>
      <c r="Z185" s="74" t="s">
        <v>166</v>
      </c>
    </row>
    <row r="186" spans="1:26" ht="15">
      <c r="A186" s="72" t="s">
        <v>517</v>
      </c>
      <c r="B186" s="72"/>
      <c r="C186" s="72"/>
      <c r="D186" s="62"/>
      <c r="E186" s="62"/>
      <c r="F186" s="63"/>
      <c r="N186" s="74" t="s">
        <v>217</v>
      </c>
      <c r="S186" s="21" t="s">
        <v>217</v>
      </c>
      <c r="Z186" s="74" t="s">
        <v>167</v>
      </c>
    </row>
    <row r="187" spans="1:26" ht="15">
      <c r="A187" s="72" t="s">
        <v>518</v>
      </c>
      <c r="B187" s="72"/>
      <c r="C187" s="72"/>
      <c r="D187" s="62"/>
      <c r="E187" s="62"/>
      <c r="F187" s="63"/>
      <c r="N187" s="74" t="s">
        <v>218</v>
      </c>
      <c r="S187" s="21" t="s">
        <v>218</v>
      </c>
      <c r="Z187" s="74" t="s">
        <v>168</v>
      </c>
    </row>
    <row r="188" spans="1:26" ht="15">
      <c r="A188" s="72" t="s">
        <v>519</v>
      </c>
      <c r="B188" s="72"/>
      <c r="C188" s="72"/>
      <c r="D188" s="62"/>
      <c r="E188" s="62"/>
      <c r="F188" s="63"/>
      <c r="N188" s="74" t="s">
        <v>219</v>
      </c>
      <c r="S188" s="21" t="s">
        <v>219</v>
      </c>
      <c r="Z188" s="74" t="s">
        <v>169</v>
      </c>
    </row>
    <row r="189" spans="1:26" ht="15">
      <c r="A189" s="72" t="s">
        <v>520</v>
      </c>
      <c r="B189" s="72"/>
      <c r="C189" s="72"/>
      <c r="D189" s="62"/>
      <c r="E189" s="62"/>
      <c r="F189" s="63"/>
      <c r="N189" s="74" t="s">
        <v>220</v>
      </c>
      <c r="S189" s="21" t="s">
        <v>220</v>
      </c>
      <c r="Z189" s="74" t="s">
        <v>170</v>
      </c>
    </row>
    <row r="190" spans="1:26" ht="15">
      <c r="A190" s="72" t="s">
        <v>521</v>
      </c>
      <c r="B190" s="72"/>
      <c r="C190" s="72"/>
      <c r="D190" s="62"/>
      <c r="E190" s="62"/>
      <c r="F190" s="63"/>
      <c r="N190" s="74" t="s">
        <v>221</v>
      </c>
      <c r="S190" s="21" t="s">
        <v>221</v>
      </c>
      <c r="Z190" s="74" t="s">
        <v>171</v>
      </c>
    </row>
    <row r="191" spans="1:26" ht="15">
      <c r="A191" s="70" t="s">
        <v>339</v>
      </c>
      <c r="B191" s="68">
        <f>SUM(B141:B190)</f>
        <v>0</v>
      </c>
      <c r="C191" s="19"/>
      <c r="D191" s="19"/>
      <c r="E191" s="19"/>
      <c r="Z191" s="74" t="s">
        <v>172</v>
      </c>
    </row>
    <row r="192" spans="1:26" ht="15">
      <c r="A192" s="19"/>
      <c r="B192" s="19"/>
      <c r="C192" s="19"/>
      <c r="D192" s="19"/>
      <c r="E192" s="19"/>
      <c r="F192" s="19"/>
      <c r="G192" s="19"/>
      <c r="H192" s="19"/>
      <c r="I192" s="19"/>
      <c r="J192" s="19"/>
      <c r="Z192" s="74" t="s">
        <v>173</v>
      </c>
    </row>
    <row r="193" spans="3:26" ht="15">
      <c r="F193" s="19"/>
      <c r="G193" s="19"/>
      <c r="H193" s="19"/>
      <c r="I193" s="19"/>
      <c r="J193" s="19"/>
      <c r="K193" s="19"/>
      <c r="Z193" s="74" t="s">
        <v>174</v>
      </c>
    </row>
    <row r="194" spans="3:26" ht="15">
      <c r="F194" s="19"/>
      <c r="G194" s="19"/>
      <c r="H194" s="19"/>
      <c r="I194" s="19"/>
      <c r="J194" s="19"/>
      <c r="K194" s="19"/>
      <c r="Z194" s="74" t="s">
        <v>175</v>
      </c>
    </row>
    <row r="195" spans="3:26" ht="15">
      <c r="C195" s="19"/>
      <c r="D195" s="19"/>
      <c r="E195" s="19"/>
      <c r="F195" s="19"/>
      <c r="G195" s="19"/>
      <c r="H195" s="19"/>
      <c r="I195" s="19"/>
      <c r="J195" s="19"/>
      <c r="Z195" s="74" t="s">
        <v>176</v>
      </c>
    </row>
    <row r="196" spans="3:26" ht="15">
      <c r="Z196" s="74" t="s">
        <v>177</v>
      </c>
    </row>
    <row r="197" spans="3:26" ht="15">
      <c r="Z197" s="74" t="s">
        <v>178</v>
      </c>
    </row>
    <row r="198" spans="3:26" ht="15">
      <c r="Z198" s="74" t="s">
        <v>179</v>
      </c>
    </row>
    <row r="199" spans="3:26" ht="15">
      <c r="Z199" s="74" t="s">
        <v>180</v>
      </c>
    </row>
    <row r="200" spans="3:26" ht="15">
      <c r="Z200" s="74" t="s">
        <v>181</v>
      </c>
    </row>
    <row r="201" spans="3:26" ht="15">
      <c r="Z201" s="74" t="s">
        <v>182</v>
      </c>
    </row>
    <row r="202" spans="3:26" ht="15">
      <c r="Z202" s="74" t="s">
        <v>183</v>
      </c>
    </row>
    <row r="203" spans="3:26" ht="15">
      <c r="Z203" s="74" t="s">
        <v>184</v>
      </c>
    </row>
    <row r="204" spans="3:26" ht="15">
      <c r="Z204" s="74" t="s">
        <v>185</v>
      </c>
    </row>
    <row r="205" spans="3:26" ht="15">
      <c r="Z205" s="74" t="s">
        <v>186</v>
      </c>
    </row>
    <row r="206" spans="3:26" ht="15">
      <c r="Z206" s="74" t="s">
        <v>187</v>
      </c>
    </row>
    <row r="207" spans="3:26" ht="15">
      <c r="Z207" s="74" t="s">
        <v>188</v>
      </c>
    </row>
    <row r="208" spans="3:26" ht="15">
      <c r="Z208" s="74" t="s">
        <v>189</v>
      </c>
    </row>
    <row r="209" spans="26:26" ht="15">
      <c r="Z209" s="74" t="s">
        <v>190</v>
      </c>
    </row>
    <row r="210" spans="26:26" ht="15">
      <c r="Z210" s="74" t="s">
        <v>191</v>
      </c>
    </row>
    <row r="211" spans="26:26" ht="15">
      <c r="Z211" s="74" t="s">
        <v>192</v>
      </c>
    </row>
    <row r="212" spans="26:26" ht="15">
      <c r="Z212" s="74" t="s">
        <v>193</v>
      </c>
    </row>
    <row r="213" spans="26:26" ht="15">
      <c r="Z213" s="74" t="s">
        <v>194</v>
      </c>
    </row>
    <row r="214" spans="26:26" ht="15">
      <c r="Z214" s="74" t="s">
        <v>195</v>
      </c>
    </row>
    <row r="215" spans="26:26" ht="15">
      <c r="Z215" s="74" t="s">
        <v>196</v>
      </c>
    </row>
    <row r="216" spans="26:26" ht="15">
      <c r="Z216" s="74" t="s">
        <v>197</v>
      </c>
    </row>
    <row r="217" spans="26:26" ht="15">
      <c r="Z217" s="74" t="s">
        <v>198</v>
      </c>
    </row>
    <row r="218" spans="26:26" ht="15">
      <c r="Z218" s="74" t="s">
        <v>199</v>
      </c>
    </row>
    <row r="219" spans="26:26" ht="15">
      <c r="Z219" s="74" t="s">
        <v>200</v>
      </c>
    </row>
    <row r="220" spans="26:26" ht="15">
      <c r="Z220" s="74" t="s">
        <v>201</v>
      </c>
    </row>
    <row r="221" spans="26:26" ht="15">
      <c r="Z221" s="74" t="s">
        <v>202</v>
      </c>
    </row>
    <row r="222" spans="26:26" ht="15">
      <c r="Z222" s="74" t="s">
        <v>203</v>
      </c>
    </row>
    <row r="223" spans="26:26" ht="15">
      <c r="Z223" s="74" t="s">
        <v>204</v>
      </c>
    </row>
    <row r="224" spans="26:26" ht="15">
      <c r="Z224" s="74" t="s">
        <v>205</v>
      </c>
    </row>
    <row r="225" spans="26:26" ht="15">
      <c r="Z225" s="74" t="s">
        <v>206</v>
      </c>
    </row>
    <row r="226" spans="26:26" ht="15">
      <c r="Z226" s="74" t="s">
        <v>207</v>
      </c>
    </row>
    <row r="227" spans="26:26" ht="15">
      <c r="Z227" s="74" t="s">
        <v>208</v>
      </c>
    </row>
    <row r="228" spans="26:26" ht="15">
      <c r="Z228" s="74" t="s">
        <v>209</v>
      </c>
    </row>
    <row r="229" spans="26:26" ht="15">
      <c r="Z229" s="74" t="s">
        <v>210</v>
      </c>
    </row>
    <row r="230" spans="26:26" ht="15">
      <c r="Z230" s="74" t="s">
        <v>211</v>
      </c>
    </row>
    <row r="231" spans="26:26" ht="15">
      <c r="Z231" s="74" t="s">
        <v>212</v>
      </c>
    </row>
    <row r="232" spans="26:26" ht="15">
      <c r="Z232" s="74" t="s">
        <v>213</v>
      </c>
    </row>
    <row r="233" spans="26:26" ht="15">
      <c r="Z233" s="74" t="s">
        <v>214</v>
      </c>
    </row>
    <row r="234" spans="26:26" ht="15">
      <c r="Z234" s="74" t="s">
        <v>215</v>
      </c>
    </row>
    <row r="235" spans="26:26" ht="15">
      <c r="Z235" s="74" t="s">
        <v>216</v>
      </c>
    </row>
    <row r="236" spans="26:26" ht="15">
      <c r="Z236" s="74" t="s">
        <v>217</v>
      </c>
    </row>
    <row r="237" spans="26:26" ht="15">
      <c r="Z237" s="74" t="s">
        <v>218</v>
      </c>
    </row>
    <row r="238" spans="26:26" ht="15">
      <c r="Z238" s="74" t="s">
        <v>219</v>
      </c>
    </row>
    <row r="239" spans="26:26" ht="15">
      <c r="Z239" s="74" t="s">
        <v>220</v>
      </c>
    </row>
    <row r="240" spans="26:26" ht="15">
      <c r="Z240" s="74" t="s">
        <v>221</v>
      </c>
    </row>
    <row r="241" spans="26:26" ht="15">
      <c r="Z241" s="74" t="s">
        <v>222</v>
      </c>
    </row>
    <row r="242" spans="26:26" ht="15">
      <c r="Z242" s="74" t="s">
        <v>223</v>
      </c>
    </row>
    <row r="243" spans="26:26" ht="15">
      <c r="Z243" s="74" t="s">
        <v>224</v>
      </c>
    </row>
    <row r="244" spans="26:26" ht="15">
      <c r="Z244" s="74" t="s">
        <v>225</v>
      </c>
    </row>
    <row r="245" spans="26:26" ht="15">
      <c r="Z245" s="74" t="s">
        <v>226</v>
      </c>
    </row>
    <row r="246" spans="26:26" ht="15">
      <c r="Z246" s="74" t="s">
        <v>227</v>
      </c>
    </row>
    <row r="247" spans="26:26" ht="15">
      <c r="Z247" s="74" t="s">
        <v>228</v>
      </c>
    </row>
    <row r="248" spans="26:26" ht="15">
      <c r="Z248" s="74" t="s">
        <v>229</v>
      </c>
    </row>
    <row r="249" spans="26:26" ht="15">
      <c r="Z249" s="74" t="s">
        <v>230</v>
      </c>
    </row>
    <row r="250" spans="26:26" ht="15">
      <c r="Z250" s="74" t="s">
        <v>231</v>
      </c>
    </row>
    <row r="251" spans="26:26" ht="15">
      <c r="Z251" s="74" t="s">
        <v>232</v>
      </c>
    </row>
    <row r="252" spans="26:26" ht="15">
      <c r="Z252" s="74" t="s">
        <v>233</v>
      </c>
    </row>
    <row r="253" spans="26:26" ht="15">
      <c r="Z253" s="74" t="s">
        <v>234</v>
      </c>
    </row>
    <row r="254" spans="26:26" ht="15">
      <c r="Z254" s="74" t="s">
        <v>235</v>
      </c>
    </row>
    <row r="255" spans="26:26" ht="15">
      <c r="Z255" s="74" t="s">
        <v>236</v>
      </c>
    </row>
    <row r="256" spans="26:26" ht="15">
      <c r="Z256" s="74" t="s">
        <v>237</v>
      </c>
    </row>
    <row r="257" spans="26:26" ht="15">
      <c r="Z257" s="74" t="s">
        <v>238</v>
      </c>
    </row>
    <row r="258" spans="26:26" ht="15">
      <c r="Z258" s="74" t="s">
        <v>239</v>
      </c>
    </row>
    <row r="259" spans="26:26" ht="15">
      <c r="Z259" s="74" t="s">
        <v>240</v>
      </c>
    </row>
    <row r="260" spans="26:26" ht="15">
      <c r="Z260" s="74" t="s">
        <v>241</v>
      </c>
    </row>
    <row r="261" spans="26:26" ht="15">
      <c r="Z261" s="74" t="s">
        <v>242</v>
      </c>
    </row>
    <row r="262" spans="26:26" ht="15">
      <c r="Z262" s="74" t="s">
        <v>243</v>
      </c>
    </row>
    <row r="263" spans="26:26" ht="15">
      <c r="Z263" s="74" t="s">
        <v>244</v>
      </c>
    </row>
    <row r="264" spans="26:26" ht="15">
      <c r="Z264" s="74" t="s">
        <v>245</v>
      </c>
    </row>
    <row r="265" spans="26:26" ht="15">
      <c r="Z265" s="74" t="s">
        <v>246</v>
      </c>
    </row>
    <row r="266" spans="26:26" ht="15">
      <c r="Z266" s="74" t="s">
        <v>247</v>
      </c>
    </row>
    <row r="267" spans="26:26" ht="15">
      <c r="Z267" s="74" t="s">
        <v>248</v>
      </c>
    </row>
    <row r="268" spans="26:26" ht="15">
      <c r="Z268" s="74" t="s">
        <v>249</v>
      </c>
    </row>
    <row r="269" spans="26:26" ht="15">
      <c r="Z269" s="74" t="s">
        <v>250</v>
      </c>
    </row>
    <row r="270" spans="26:26" ht="15">
      <c r="Z270" s="74" t="s">
        <v>251</v>
      </c>
    </row>
  </sheetData>
  <sheetProtection algorithmName="SHA-512" hashValue="cznXu2pLDsA09SB1gKsmkF+6V5Gz/nsxN0PWNUnC6+W2CzJSIRQgkzBCVUqVEgJSr5exaTNoMoX0tn2NsKRlHw==" saltValue="WvXX7oLCDMeYUfzkOKTdIA==" spinCount="100000" sheet="1" objects="1" scenarios="1"/>
  <mergeCells count="11">
    <mergeCell ref="F20:G20"/>
    <mergeCell ref="K20:O20"/>
    <mergeCell ref="A4:J6"/>
    <mergeCell ref="A7:L7"/>
    <mergeCell ref="G18:H18"/>
    <mergeCell ref="K19:O19"/>
    <mergeCell ref="B10:G10"/>
    <mergeCell ref="B11:G11"/>
    <mergeCell ref="B12:G12"/>
    <mergeCell ref="B15:G15"/>
    <mergeCell ref="B16:G16"/>
  </mergeCells>
  <phoneticPr fontId="43" type="noConversion"/>
  <conditionalFormatting sqref="A22:B22 B23">
    <cfRule type="expression" dxfId="36" priority="13">
      <formula>$B$21=""</formula>
    </cfRule>
  </conditionalFormatting>
  <conditionalFormatting sqref="A22:B24">
    <cfRule type="expression" dxfId="35" priority="14">
      <formula>$B$21=""</formula>
    </cfRule>
  </conditionalFormatting>
  <conditionalFormatting sqref="B37:C39 A40:C190 D70:L190">
    <cfRule type="expression" dxfId="34" priority="9">
      <formula>OR(#REF!="No", #REF!="")</formula>
    </cfRule>
  </conditionalFormatting>
  <conditionalFormatting sqref="D40 D42:D139">
    <cfRule type="expression" dxfId="33" priority="12">
      <formula>OR($E$38="No",$E$38="")</formula>
    </cfRule>
  </conditionalFormatting>
  <conditionalFormatting sqref="E20">
    <cfRule type="expression" dxfId="32" priority="6">
      <formula>$H$19="Yes"</formula>
    </cfRule>
    <cfRule type="expression" dxfId="31" priority="7">
      <formula>$H$19="No"</formula>
    </cfRule>
    <cfRule type="expression" dxfId="30" priority="8">
      <formula>$H$19=""</formula>
    </cfRule>
  </conditionalFormatting>
  <conditionalFormatting sqref="E37 D38:E38 G38:L38 A38:A39 D39:G40 K39:N69 E41:G41 D42:G69 A191:S192">
    <cfRule type="expression" dxfId="29" priority="10">
      <formula>OR(#REF!="No", #REF!="")</formula>
    </cfRule>
  </conditionalFormatting>
  <conditionalFormatting sqref="F20:G20">
    <cfRule type="expression" dxfId="28" priority="17">
      <formula>$H$19=""</formula>
    </cfRule>
    <cfRule type="expression" dxfId="27" priority="18">
      <formula>$H$19="No"</formula>
    </cfRule>
    <cfRule type="expression" dxfId="26" priority="19">
      <formula>$H$19="Yes"</formula>
    </cfRule>
  </conditionalFormatting>
  <conditionalFormatting sqref="K19:O19">
    <cfRule type="expression" dxfId="25" priority="1">
      <formula>ISNUMBER($J$19)</formula>
    </cfRule>
  </conditionalFormatting>
  <dataValidations count="21">
    <dataValidation type="decimal" operator="lessThan" allowBlank="1" showInputMessage="1" showErrorMessage="1" promptTitle="Nominal Length" prompt="Nominal length in years of qualifying education, assuming full-time study." sqref="B17" xr:uid="{51894317-870C-4C5D-8183-4F20EAF627D8}">
      <formula1>10</formula1>
    </dataValidation>
    <dataValidation type="decimal" operator="lessThan" allowBlank="1" showInputMessage="1" showErrorMessage="1" promptTitle="Min. credits" prompt="Credits as used by your home university." sqref="B18:B19" xr:uid="{AD100F24-7FFF-4305-B5FF-339A3B96201E}">
      <formula1>1000</formula1>
    </dataValidation>
    <dataValidation allowBlank="1" showInputMessage="1" showErrorMessage="1" prompt="Average grade of all the courses._x000a_This is different from the GPA calculation" sqref="C39" xr:uid="{A3E0D698-7EEC-4DF2-B3C0-9B161C9588A4}"/>
    <dataValidation allowBlank="1" showInputMessage="1" showErrorMessage="1" prompt="This cell should show your total amount of credits done during your BSc._x000a__x000a__x000a_" sqref="B38" xr:uid="{9EAA36D7-65FB-4090-AB86-EE3D33FDEBDB}"/>
    <dataValidation allowBlank="1" showInputMessage="1" showErrorMessage="1" prompt="This column should be filled with the local grades, as stated in your official Transcript of Records." sqref="C37" xr:uid="{644F142B-08B0-457D-B653-C54ADF4BEC6D}"/>
    <dataValidation allowBlank="1" showInputMessage="1" showErrorMessage="1" prompt="This column should be filled with the local credits as stated in your official Transcript of Records." sqref="B37" xr:uid="{38436304-3BBD-493C-8904-69F97121CE56}"/>
    <dataValidation allowBlank="1" sqref="L40:N68 C141:C190" xr:uid="{FDD6395C-5D15-460A-9E43-28515A39B3C6}"/>
    <dataValidation type="textLength" operator="lessThan" allowBlank="1" showInputMessage="1" showErrorMessage="1" promptTitle="University" prompt="The English name of your home university." sqref="B12" xr:uid="{8BA299B8-4D6C-47EC-A567-87E84BE45C5B}">
      <formula1>101</formula1>
    </dataValidation>
    <dataValidation type="textLength" operator="lessThan" allowBlank="1" showInputMessage="1" showErrorMessage="1" promptTitle="Name" prompt="Use your full name." sqref="B10" xr:uid="{B8648D40-4C6A-4A48-9745-E4DD2487CCDC}">
      <formula1>101</formula1>
    </dataValidation>
    <dataValidation type="textLength" operator="lessThan" allowBlank="1" showInputMessage="1" showErrorMessage="1" promptTitle="Degree" prompt="The full English title of your qualifying degree." sqref="B15" xr:uid="{1332315B-F3BC-4AAE-808F-36EC2DCD8D4F}">
      <formula1>101</formula1>
    </dataValidation>
    <dataValidation type="whole" allowBlank="1" showInputMessage="1" showErrorMessage="1" errorTitle="Only more than 30%" error=" Only include major course contributions greater than or equal to 30% and only contributions where the subject(s) is being taught as distinguished from merely being used._x000a_Do not add the &quot;%&quot; symbol Instead of 50% just write 50" sqref="D140:F140" xr:uid="{F4921583-D633-480D-B172-54DBF140F487}">
      <formula1>30</formula1>
      <formula2>100</formula2>
    </dataValidation>
    <dataValidation type="decimal" allowBlank="1" showInputMessage="1" showErrorMessage="1" errorTitle="ERROR" error="Please make sure to type everything manually. Don't copy&amp;paste. _x000a_Make sure to use correct decimal marker &quot;.&quot; or &quot;,&quot;" sqref="B40:B50 C40:C139" xr:uid="{3BDCCAFF-3588-4A17-B205-38964A372FDA}">
      <formula1>0</formula1>
      <formula2>10000</formula2>
    </dataValidation>
    <dataValidation type="custom" allowBlank="1" showInputMessage="1" showErrorMessage="1" errorTitle="Error" error="Hej. Make sure to type only numbers and the correct decimal symbol :)" promptTitle="Min. grade" prompt="Lowest possible grade at your home university." sqref="B22" xr:uid="{2F12578B-6384-4390-82F7-52FEBD58B52D}">
      <formula1>IF(B21="Numbers", AND(ISNUMBER(B22),B22&gt;=-10,B22&lt;=100), ISTEXT(B22))</formula1>
    </dataValidation>
    <dataValidation type="whole" allowBlank="1" showErrorMessage="1" errorTitle="Student number error." error="Please insert your current 6-digit student number. (e.g. 210000)" sqref="F20" xr:uid="{479C0F49-A743-4D2C-AEB9-D0C638EBF8A3}">
      <formula1>160000</formula1>
      <formula2>290000</formula2>
    </dataValidation>
    <dataValidation type="list" allowBlank="1" showInputMessage="1" showErrorMessage="1" sqref="H19 E38" xr:uid="{D3A15ED2-4C19-4881-9A83-CB78DA880217}">
      <formula1>$L$10:$L$11</formula1>
    </dataValidation>
    <dataValidation type="list" allowBlank="1" showInputMessage="1" showErrorMessage="1" sqref="B21" xr:uid="{6C2F4A4B-AB03-485C-A9D2-4444A8065473}">
      <formula1>$L$12:$L$14</formula1>
    </dataValidation>
    <dataValidation allowBlank="1" showInputMessage="1" showErrorMessage="1" promptTitle="Courses' description" prompt="Only insert the links if the webpage information is in English!_x000a_If the information is in your original language, then upload a PDF to DANS with the information translated" sqref="D39" xr:uid="{5672CFC0-92CC-44D3-8560-62133A1A9200}"/>
    <dataValidation type="list" operator="lessThan" allowBlank="1" showInputMessage="1" showErrorMessage="1" promptTitle="Degree" prompt="The full English title of your qualifying degree." sqref="B16" xr:uid="{97D7ADBA-FAD0-4D81-BF78-278FFB1B4FD2}">
      <formula1>$Z$9:$Z$13</formula1>
    </dataValidation>
    <dataValidation type="custom" allowBlank="1" showInputMessage="1" showErrorMessage="1" errorTitle="Error" error="Hej. Make sure to type only numbers and the correct decimal symbol :)" promptTitle="Min. grade" prompt="Lowest possible grade at your home university." sqref="B23" xr:uid="{1597D3DE-03E7-4B8E-8D8A-0B0D14AE2A3E}">
      <formula1>IF(B21="Numbers", AND(ISNUMBER(B23),B23&gt;=-10,B23&lt;=100), ISTEXT(B23))</formula1>
    </dataValidation>
    <dataValidation type="custom" allowBlank="1" showInputMessage="1" showErrorMessage="1" errorTitle="Error" error="Hej. Make sure to type only numbers and the correct decimal symbol :)" promptTitle="Min. grade" prompt="Lowest possible grade at your home university." sqref="B24" xr:uid="{888E3F80-84F1-4CA0-A99A-B582B48416BC}">
      <formula1>IF(B21="Numbers", AND(ISNUMBER(B24),B24&gt;=-10,B24&lt;=100), ISTEXT(B24))</formula1>
    </dataValidation>
    <dataValidation type="list" allowBlank="1" showInputMessage="1" promptTitle="Select from drop down menu" prompt="Use the searchable drop-down menu, to choose the country where you have obtained your qualifying degree. Search for country's Initials_x000a_" sqref="B11" xr:uid="{B8E9BA08-EF4C-465F-84E7-70E8DEDFFF43}">
      <formula1>$Z$22:$Z$220</formula1>
    </dataValidation>
  </dataValidations>
  <hyperlinks>
    <hyperlink ref="A19" r:id="rId1" xr:uid="{D4480C3C-E699-4671-95B3-4B4706F4D1D0}"/>
  </hyperlinks>
  <pageMargins left="0.7" right="0.7" top="0.75" bottom="0.75" header="0.3" footer="0.3"/>
  <pageSetup scale="64" fitToHeight="0" orientation="landscape" horizontalDpi="1200" verticalDpi="120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CC0C31-F9E3-42EE-896B-53D2DB1A234B}">
  <sheetPr>
    <tabColor rgb="FF00B050"/>
    <pageSetUpPr fitToPage="1"/>
  </sheetPr>
  <dimension ref="A3:V99"/>
  <sheetViews>
    <sheetView showGridLines="0" topLeftCell="A16" zoomScaleNormal="100" workbookViewId="0">
      <selection activeCell="A8" sqref="A8:J8"/>
    </sheetView>
  </sheetViews>
  <sheetFormatPr defaultColWidth="9.140625" defaultRowHeight="14.25"/>
  <cols>
    <col min="1" max="1" width="36.28515625" style="17" customWidth="1"/>
    <col min="2" max="2" width="11" style="17" customWidth="1"/>
    <col min="3" max="3" width="12.42578125" style="17" customWidth="1"/>
    <col min="4" max="4" width="11" style="17" customWidth="1"/>
    <col min="5" max="5" width="17.28515625" style="17" customWidth="1"/>
    <col min="6" max="6" width="9.140625" style="17"/>
    <col min="7" max="7" width="13" style="17" customWidth="1"/>
    <col min="8" max="8" width="9.140625" style="17"/>
    <col min="9" max="9" width="9.140625" style="17" customWidth="1"/>
    <col min="10" max="10" width="15.140625" style="17" customWidth="1"/>
    <col min="11" max="11" width="12.42578125" style="17" customWidth="1"/>
    <col min="12" max="12" width="57.5703125" style="17" customWidth="1"/>
    <col min="13" max="13" width="53.85546875" style="17" customWidth="1"/>
    <col min="14" max="14" width="36.42578125" style="17" customWidth="1"/>
    <col min="15" max="15" width="9.140625" style="17"/>
    <col min="16" max="16" width="50.7109375" style="17" bestFit="1" customWidth="1"/>
    <col min="17" max="17" width="8.42578125" style="17" bestFit="1" customWidth="1"/>
    <col min="18" max="21" width="9.140625" style="17"/>
    <col min="22" max="22" width="9.140625" style="18"/>
    <col min="23" max="16384" width="9.140625" style="17"/>
  </cols>
  <sheetData>
    <row r="3" spans="1:22" ht="25.5">
      <c r="A3" s="83" t="str">
        <f>GPA!A3</f>
        <v xml:space="preserve">              Pre-Mapping for the MSc programme in Sustainable Energy Systems</v>
      </c>
      <c r="B3" s="83"/>
      <c r="C3" s="83"/>
      <c r="D3" s="83"/>
      <c r="E3" s="83"/>
      <c r="F3" s="83"/>
      <c r="G3" s="83"/>
      <c r="H3" s="83"/>
      <c r="I3" s="83"/>
      <c r="J3" s="83"/>
    </row>
    <row r="4" spans="1:22" ht="15" customHeight="1">
      <c r="A4" s="140"/>
      <c r="B4" s="140"/>
      <c r="C4" s="140"/>
      <c r="D4" s="140"/>
      <c r="E4" s="140"/>
      <c r="F4" s="140"/>
      <c r="G4" s="140"/>
      <c r="H4" s="140"/>
      <c r="I4" s="140"/>
      <c r="J4" s="140"/>
    </row>
    <row r="5" spans="1:22" ht="15" customHeight="1">
      <c r="A5" s="140"/>
      <c r="B5" s="140"/>
      <c r="C5" s="140"/>
      <c r="D5" s="140"/>
      <c r="E5" s="140"/>
      <c r="F5" s="140"/>
      <c r="G5" s="140"/>
      <c r="H5" s="140"/>
      <c r="I5" s="140"/>
      <c r="J5" s="140"/>
    </row>
    <row r="6" spans="1:22" ht="15" customHeight="1">
      <c r="A6" s="140"/>
      <c r="B6" s="140"/>
      <c r="C6" s="140"/>
      <c r="D6" s="140"/>
      <c r="E6" s="140"/>
      <c r="F6" s="140"/>
      <c r="G6" s="140"/>
      <c r="H6" s="140"/>
      <c r="I6" s="140"/>
      <c r="J6" s="140"/>
    </row>
    <row r="7" spans="1:22" s="19" customFormat="1" ht="15">
      <c r="A7" s="17"/>
      <c r="V7" s="74" t="s">
        <v>13</v>
      </c>
    </row>
    <row r="8" spans="1:22" s="19" customFormat="1" ht="140.25" customHeight="1">
      <c r="A8" s="141" t="s">
        <v>569</v>
      </c>
      <c r="B8" s="141"/>
      <c r="C8" s="141"/>
      <c r="D8" s="141"/>
      <c r="E8" s="141"/>
      <c r="F8" s="141"/>
      <c r="G8" s="141"/>
      <c r="H8" s="141"/>
      <c r="I8" s="141"/>
      <c r="J8" s="141"/>
      <c r="V8" s="74" t="s">
        <v>14</v>
      </c>
    </row>
    <row r="9" spans="1:22" s="19" customFormat="1" ht="15">
      <c r="A9" s="17"/>
      <c r="V9" s="74" t="s">
        <v>15</v>
      </c>
    </row>
    <row r="10" spans="1:22" s="19" customFormat="1" ht="15">
      <c r="A10" s="17"/>
      <c r="B10"/>
      <c r="C10"/>
      <c r="V10" s="74" t="s">
        <v>16</v>
      </c>
    </row>
    <row r="11" spans="1:22" ht="31.5" customHeight="1">
      <c r="A11" s="47" t="s">
        <v>541</v>
      </c>
      <c r="B11"/>
      <c r="C11"/>
      <c r="F11" s="41"/>
      <c r="G11" s="41"/>
      <c r="H11" s="48"/>
      <c r="J11" s="19"/>
      <c r="V11" s="74" t="s">
        <v>17</v>
      </c>
    </row>
    <row r="12" spans="1:22" ht="239.25" customHeight="1">
      <c r="A12" s="93" t="s">
        <v>536</v>
      </c>
      <c r="B12" s="49" t="s">
        <v>350</v>
      </c>
      <c r="C12" s="49" t="s">
        <v>563</v>
      </c>
      <c r="D12" s="49" t="s">
        <v>351</v>
      </c>
      <c r="E12" s="49" t="s">
        <v>526</v>
      </c>
      <c r="F12" s="134" t="s">
        <v>549</v>
      </c>
      <c r="G12" s="134" t="s">
        <v>550</v>
      </c>
      <c r="H12" s="134" t="s">
        <v>551</v>
      </c>
      <c r="I12" s="134" t="s">
        <v>552</v>
      </c>
      <c r="J12" s="134" t="s">
        <v>553</v>
      </c>
      <c r="K12" s="50" t="s">
        <v>346</v>
      </c>
      <c r="L12"/>
      <c r="M12"/>
      <c r="N12" s="21" t="s">
        <v>18</v>
      </c>
      <c r="V12" s="17"/>
    </row>
    <row r="13" spans="1:22" ht="27.75" customHeight="1">
      <c r="A13" s="48" t="s">
        <v>352</v>
      </c>
      <c r="B13" s="51">
        <f>SUM(B15:B53,B55:B69)</f>
        <v>0</v>
      </c>
      <c r="C13" s="51">
        <f>SUM(C15:C53,C55:C69)</f>
        <v>0</v>
      </c>
      <c r="F13" s="52">
        <f>IFERROR(SUMPRODUCT($B$15:$B$69,F$15:F$69)/100,"")</f>
        <v>0</v>
      </c>
      <c r="G13" s="52">
        <f>IFERROR(SUMPRODUCT($B$15:$B$69,G$15:G$69)/100,"")</f>
        <v>0</v>
      </c>
      <c r="H13" s="52">
        <f>IFERROR(SUMPRODUCT($B$15:$B$69,H$15:H$69)/100,"")</f>
        <v>0</v>
      </c>
      <c r="I13" s="52">
        <f>IFERROR(SUMPRODUCT($B$15:$B$69,I$15:I$69)/100,"")</f>
        <v>0</v>
      </c>
      <c r="J13" s="52">
        <f>IFERROR(SUMPRODUCT($B$15:$B$69,J$15:J$69)/100,"")</f>
        <v>0</v>
      </c>
      <c r="K13" s="80" t="str">
        <f>IFERROR((B13-SUM(F13:J13))/B13,"")</f>
        <v/>
      </c>
      <c r="L13"/>
      <c r="M13"/>
      <c r="N13" s="21" t="s">
        <v>19</v>
      </c>
      <c r="V13" s="17"/>
    </row>
    <row r="14" spans="1:22" ht="28.5" customHeight="1">
      <c r="A14" s="54" t="s">
        <v>353</v>
      </c>
      <c r="D14" s="55">
        <f>IFERROR(AVERAGE(D15:D53),)</f>
        <v>0</v>
      </c>
      <c r="E14" s="55" t="str">
        <f>IFERROR(AVERAGEIF(E15:E53, "&lt;&gt;0"), "0")</f>
        <v>0</v>
      </c>
      <c r="F14" s="56">
        <f>IFERROR(SUMPRODUCT($B$15:$B$53,$D$15:$D$53,F15:F53)/SUMPRODUCT($B$15:$B$53,F15:F53),0)</f>
        <v>0</v>
      </c>
      <c r="G14" s="56">
        <f t="shared" ref="G14:I14" si="0">IFERROR(SUMPRODUCT($B$15:$B$53,$D$15:$D$53,G15:G53)/SUMPRODUCT($B$15:$B$53,G15:G53),0)</f>
        <v>0</v>
      </c>
      <c r="H14" s="56">
        <f t="shared" si="0"/>
        <v>0</v>
      </c>
      <c r="I14" s="56">
        <f t="shared" si="0"/>
        <v>0</v>
      </c>
      <c r="J14" s="56">
        <f>IFERROR(SUMPRODUCT($B$15:$B$53,$D$15:$D$53,J15:J53)/SUMPRODUCT($B$15:$B$53,J15:J53),0)</f>
        <v>0</v>
      </c>
      <c r="K14" s="57">
        <f t="shared" ref="K14" si="1">IFERROR(SUMPRODUCT($B$15:$B$53,$C$15:$C$53,K15:K53)/SUMPRODUCT($B$15:$B$53,K15:K53),0)</f>
        <v>0</v>
      </c>
      <c r="L14" s="58" t="s">
        <v>391</v>
      </c>
      <c r="M14" s="59" t="s">
        <v>348</v>
      </c>
      <c r="N14" s="21" t="s">
        <v>20</v>
      </c>
      <c r="V14" s="17"/>
    </row>
    <row r="15" spans="1:22" ht="15">
      <c r="A15" s="72" t="s">
        <v>392</v>
      </c>
      <c r="B15" s="75"/>
      <c r="C15" s="75"/>
      <c r="D15" s="75"/>
      <c r="E15" s="82">
        <f>IF(D15&gt;0,(GPA!$B$22-D15)/(GPA!$B$22-GPA!$B$24)*100,0)</f>
        <v>0</v>
      </c>
      <c r="F15" s="76"/>
      <c r="G15" s="76"/>
      <c r="H15" s="76"/>
      <c r="I15" s="76"/>
      <c r="J15" s="76"/>
      <c r="K15" s="61" t="str">
        <f t="shared" ref="K15:K53" si="2">IF(ISBLANK(B15)," ",100-SUM(F15:J15))</f>
        <v xml:space="preserve"> </v>
      </c>
      <c r="L15" s="62"/>
      <c r="M15" s="62"/>
      <c r="N15" s="21" t="s">
        <v>21</v>
      </c>
      <c r="V15" s="17"/>
    </row>
    <row r="16" spans="1:22" ht="14.45" customHeight="1">
      <c r="A16" s="72" t="s">
        <v>393</v>
      </c>
      <c r="B16" s="75"/>
      <c r="C16" s="75"/>
      <c r="D16" s="75"/>
      <c r="E16" s="82">
        <f>IF(D16&gt;0,(GPA!$B$22-D16)/(GPA!$B$22-GPA!$B$24)*100,0)</f>
        <v>0</v>
      </c>
      <c r="F16" s="76"/>
      <c r="G16" s="76"/>
      <c r="H16" s="76"/>
      <c r="I16" s="76"/>
      <c r="J16" s="76"/>
      <c r="K16" s="61" t="str">
        <f t="shared" ref="K16:K34" si="3">IF(ISBLANK(B16)," ",100-SUM(F16:J16))</f>
        <v xml:space="preserve"> </v>
      </c>
      <c r="L16" s="62"/>
      <c r="M16" s="62"/>
      <c r="N16" s="21" t="s">
        <v>22</v>
      </c>
      <c r="V16" s="17"/>
    </row>
    <row r="17" spans="1:22" ht="15">
      <c r="A17" s="72" t="s">
        <v>394</v>
      </c>
      <c r="B17" s="75"/>
      <c r="C17" s="75"/>
      <c r="D17" s="75"/>
      <c r="E17" s="82">
        <f>IF(D17&gt;0,(GPA!$B$22-D17)/(GPA!$B$22-GPA!$B$24)*100,0)</f>
        <v>0</v>
      </c>
      <c r="F17" s="76"/>
      <c r="G17" s="76"/>
      <c r="H17" s="76"/>
      <c r="I17" s="76"/>
      <c r="J17" s="76"/>
      <c r="K17" s="61" t="str">
        <f t="shared" si="3"/>
        <v xml:space="preserve"> </v>
      </c>
      <c r="L17" s="62"/>
      <c r="M17" s="62"/>
      <c r="N17" s="21" t="s">
        <v>23</v>
      </c>
      <c r="V17" s="17"/>
    </row>
    <row r="18" spans="1:22" ht="15">
      <c r="A18" s="72" t="s">
        <v>395</v>
      </c>
      <c r="B18" s="75"/>
      <c r="C18" s="75"/>
      <c r="D18" s="75"/>
      <c r="E18" s="82">
        <f>IF(D18&gt;0,(GPA!$B$22-D18)/(GPA!$B$22-GPA!$B$24)*100,0)</f>
        <v>0</v>
      </c>
      <c r="F18" s="76"/>
      <c r="G18" s="76"/>
      <c r="H18" s="76"/>
      <c r="I18" s="76"/>
      <c r="J18" s="76"/>
      <c r="K18" s="61" t="str">
        <f t="shared" si="3"/>
        <v xml:space="preserve"> </v>
      </c>
      <c r="L18" s="62"/>
      <c r="M18" s="62"/>
      <c r="N18" s="21" t="s">
        <v>24</v>
      </c>
      <c r="V18" s="17"/>
    </row>
    <row r="19" spans="1:22" ht="15">
      <c r="A19" s="72" t="s">
        <v>396</v>
      </c>
      <c r="B19" s="75"/>
      <c r="C19" s="75"/>
      <c r="D19" s="75"/>
      <c r="E19" s="82">
        <f>IF(D19&gt;0,(GPA!$B$22-D19)/(GPA!$B$22-GPA!$B$24)*100,0)</f>
        <v>0</v>
      </c>
      <c r="F19" s="76"/>
      <c r="G19" s="76"/>
      <c r="H19" s="76"/>
      <c r="I19" s="76"/>
      <c r="J19" s="76"/>
      <c r="K19" s="61" t="str">
        <f t="shared" si="3"/>
        <v xml:space="preserve"> </v>
      </c>
      <c r="L19" s="62"/>
      <c r="M19" s="62"/>
      <c r="N19" s="21" t="s">
        <v>25</v>
      </c>
      <c r="V19" s="17"/>
    </row>
    <row r="20" spans="1:22" ht="15">
      <c r="A20" s="72" t="s">
        <v>397</v>
      </c>
      <c r="B20" s="75"/>
      <c r="C20" s="75"/>
      <c r="D20" s="75"/>
      <c r="E20" s="82">
        <f>IF(D20&gt;0,(GPA!$B$22-D20)/(GPA!$B$22-GPA!$B$24)*100,0)</f>
        <v>0</v>
      </c>
      <c r="F20" s="76"/>
      <c r="G20" s="76"/>
      <c r="H20" s="76"/>
      <c r="I20" s="76"/>
      <c r="J20" s="76"/>
      <c r="K20" s="61" t="str">
        <f t="shared" si="3"/>
        <v xml:space="preserve"> </v>
      </c>
      <c r="L20" s="62"/>
      <c r="M20" s="62"/>
      <c r="N20" s="21" t="s">
        <v>26</v>
      </c>
      <c r="V20" s="17"/>
    </row>
    <row r="21" spans="1:22" ht="15">
      <c r="A21" s="72" t="s">
        <v>398</v>
      </c>
      <c r="B21" s="75"/>
      <c r="C21" s="75"/>
      <c r="D21" s="75"/>
      <c r="E21" s="82">
        <f>IF(D21&gt;0,(GPA!$B$22-D21)/(GPA!$B$22-GPA!$B$24)*100,0)</f>
        <v>0</v>
      </c>
      <c r="F21" s="76"/>
      <c r="G21" s="76"/>
      <c r="H21" s="76"/>
      <c r="I21" s="76"/>
      <c r="J21" s="76"/>
      <c r="K21" s="61" t="str">
        <f t="shared" si="3"/>
        <v xml:space="preserve"> </v>
      </c>
      <c r="L21" s="62"/>
      <c r="M21" s="62"/>
      <c r="N21" s="21" t="s">
        <v>27</v>
      </c>
      <c r="V21" s="17"/>
    </row>
    <row r="22" spans="1:22" ht="15">
      <c r="A22" s="72" t="s">
        <v>399</v>
      </c>
      <c r="B22" s="75"/>
      <c r="C22" s="75"/>
      <c r="D22" s="75"/>
      <c r="E22" s="82">
        <f>IF(D22&gt;0,(GPA!$B$22-D22)/(GPA!$B$22-GPA!$B$24)*100,0)</f>
        <v>0</v>
      </c>
      <c r="F22" s="76"/>
      <c r="G22" s="76"/>
      <c r="H22" s="76"/>
      <c r="I22" s="76"/>
      <c r="J22" s="76"/>
      <c r="K22" s="61" t="str">
        <f t="shared" si="3"/>
        <v xml:space="preserve"> </v>
      </c>
      <c r="L22" s="62"/>
      <c r="M22" s="62"/>
      <c r="N22" s="21" t="s">
        <v>28</v>
      </c>
      <c r="V22" s="17"/>
    </row>
    <row r="23" spans="1:22" ht="15">
      <c r="A23" s="72" t="s">
        <v>400</v>
      </c>
      <c r="B23" s="75"/>
      <c r="C23" s="75"/>
      <c r="D23" s="75"/>
      <c r="E23" s="82">
        <f>IF(D23&gt;0,(GPA!$B$22-D23)/(GPA!$B$22-GPA!$B$24)*100,0)</f>
        <v>0</v>
      </c>
      <c r="F23" s="76"/>
      <c r="G23" s="76"/>
      <c r="H23" s="76"/>
      <c r="I23" s="76"/>
      <c r="J23" s="76"/>
      <c r="K23" s="61" t="str">
        <f t="shared" si="3"/>
        <v xml:space="preserve"> </v>
      </c>
      <c r="L23" s="62"/>
      <c r="M23" s="62"/>
      <c r="N23" s="21" t="s">
        <v>29</v>
      </c>
      <c r="V23" s="17"/>
    </row>
    <row r="24" spans="1:22" ht="15">
      <c r="A24" s="72" t="s">
        <v>401</v>
      </c>
      <c r="B24" s="75"/>
      <c r="C24" s="75"/>
      <c r="D24" s="75"/>
      <c r="E24" s="82">
        <f>IF(D24&gt;0,(GPA!$B$22-D24)/(GPA!$B$22-GPA!$B$24)*100,0)</f>
        <v>0</v>
      </c>
      <c r="F24" s="76"/>
      <c r="G24" s="76"/>
      <c r="H24" s="76"/>
      <c r="I24" s="76"/>
      <c r="J24" s="76"/>
      <c r="K24" s="61" t="str">
        <f t="shared" si="3"/>
        <v xml:space="preserve"> </v>
      </c>
      <c r="L24" s="62"/>
      <c r="M24" s="62"/>
      <c r="N24" s="21" t="s">
        <v>30</v>
      </c>
      <c r="V24" s="17"/>
    </row>
    <row r="25" spans="1:22" ht="15">
      <c r="A25" s="72" t="s">
        <v>402</v>
      </c>
      <c r="B25" s="75"/>
      <c r="C25" s="75"/>
      <c r="D25" s="75"/>
      <c r="E25" s="82">
        <f>IF(D25&gt;0,(GPA!$B$22-D25)/(GPA!$B$22-GPA!$B$24)*100,0)</f>
        <v>0</v>
      </c>
      <c r="F25" s="76"/>
      <c r="G25" s="76"/>
      <c r="H25" s="76"/>
      <c r="I25" s="76"/>
      <c r="J25" s="76"/>
      <c r="K25" s="61" t="str">
        <f t="shared" si="3"/>
        <v xml:space="preserve"> </v>
      </c>
      <c r="L25" s="62"/>
      <c r="M25" s="62"/>
      <c r="N25" s="21" t="s">
        <v>31</v>
      </c>
      <c r="V25" s="17"/>
    </row>
    <row r="26" spans="1:22" ht="15">
      <c r="A26" s="72" t="s">
        <v>403</v>
      </c>
      <c r="B26" s="72"/>
      <c r="C26" s="72"/>
      <c r="D26" s="72"/>
      <c r="E26" s="82">
        <f>IF(D26&gt;0,(GPA!$B$22-D26)/(GPA!$B$22-GPA!$B$24)*100,0)</f>
        <v>0</v>
      </c>
      <c r="F26" s="76"/>
      <c r="G26" s="76"/>
      <c r="H26" s="76"/>
      <c r="I26" s="76"/>
      <c r="J26" s="76"/>
      <c r="K26" s="61" t="str">
        <f t="shared" si="3"/>
        <v xml:space="preserve"> </v>
      </c>
      <c r="L26" s="62"/>
      <c r="M26" s="62"/>
      <c r="N26" s="21" t="s">
        <v>32</v>
      </c>
      <c r="V26" s="17"/>
    </row>
    <row r="27" spans="1:22" ht="15">
      <c r="A27" s="72" t="s">
        <v>404</v>
      </c>
      <c r="B27" s="72"/>
      <c r="C27" s="72"/>
      <c r="D27" s="72"/>
      <c r="E27" s="82">
        <f>IF(D27&gt;0,(GPA!$B$22-D27)/(GPA!$B$22-GPA!$B$24)*100,0)</f>
        <v>0</v>
      </c>
      <c r="F27" s="76"/>
      <c r="G27" s="76"/>
      <c r="H27" s="76"/>
      <c r="I27" s="76"/>
      <c r="J27" s="76"/>
      <c r="K27" s="61" t="str">
        <f t="shared" si="3"/>
        <v xml:space="preserve"> </v>
      </c>
      <c r="L27" s="62"/>
      <c r="M27" s="62"/>
      <c r="N27" s="21" t="s">
        <v>33</v>
      </c>
      <c r="V27" s="17"/>
    </row>
    <row r="28" spans="1:22" ht="15">
      <c r="A28" s="72" t="s">
        <v>405</v>
      </c>
      <c r="B28" s="72"/>
      <c r="C28" s="72"/>
      <c r="D28" s="72"/>
      <c r="E28" s="82">
        <f>IF(D28&gt;0,(GPA!$B$22-D28)/(GPA!$B$22-GPA!$B$24)*100,0)</f>
        <v>0</v>
      </c>
      <c r="F28" s="76"/>
      <c r="G28" s="76"/>
      <c r="H28" s="76"/>
      <c r="I28" s="76"/>
      <c r="J28" s="76"/>
      <c r="K28" s="61" t="str">
        <f t="shared" si="3"/>
        <v xml:space="preserve"> </v>
      </c>
      <c r="L28" s="62"/>
      <c r="M28" s="62"/>
      <c r="N28" s="21" t="s">
        <v>34</v>
      </c>
      <c r="V28" s="17"/>
    </row>
    <row r="29" spans="1:22" ht="15">
      <c r="A29" s="72" t="s">
        <v>406</v>
      </c>
      <c r="B29" s="72"/>
      <c r="C29" s="72"/>
      <c r="D29" s="72"/>
      <c r="E29" s="82">
        <f>IF(D29&gt;0,(GPA!$B$22-D29)/(GPA!$B$22-GPA!$B$24)*100,0)</f>
        <v>0</v>
      </c>
      <c r="F29" s="76"/>
      <c r="G29" s="76"/>
      <c r="H29" s="76"/>
      <c r="I29" s="76"/>
      <c r="J29" s="76"/>
      <c r="K29" s="61" t="str">
        <f t="shared" si="3"/>
        <v xml:space="preserve"> </v>
      </c>
      <c r="L29" s="62"/>
      <c r="M29" s="62"/>
      <c r="N29" s="21" t="s">
        <v>35</v>
      </c>
      <c r="V29" s="17"/>
    </row>
    <row r="30" spans="1:22" ht="15">
      <c r="A30" s="72" t="s">
        <v>407</v>
      </c>
      <c r="B30" s="72"/>
      <c r="C30" s="72"/>
      <c r="D30" s="72"/>
      <c r="E30" s="82">
        <f>IF(D30&gt;0,(GPA!$B$22-D30)/(GPA!$B$22-GPA!$B$24)*100,0)</f>
        <v>0</v>
      </c>
      <c r="F30" s="76"/>
      <c r="G30" s="76"/>
      <c r="H30" s="76"/>
      <c r="I30" s="76"/>
      <c r="J30" s="76"/>
      <c r="K30" s="61" t="str">
        <f t="shared" si="3"/>
        <v xml:space="preserve"> </v>
      </c>
      <c r="L30" s="62"/>
      <c r="M30" s="62"/>
      <c r="N30" s="21" t="s">
        <v>36</v>
      </c>
      <c r="V30" s="17"/>
    </row>
    <row r="31" spans="1:22" ht="15">
      <c r="A31" s="72" t="s">
        <v>408</v>
      </c>
      <c r="B31" s="72"/>
      <c r="C31" s="72"/>
      <c r="D31" s="72"/>
      <c r="E31" s="82">
        <f>IF(D31&gt;0,(GPA!$B$22-D31)/(GPA!$B$22-GPA!$B$24)*100,0)</f>
        <v>0</v>
      </c>
      <c r="F31" s="76"/>
      <c r="G31" s="76"/>
      <c r="H31" s="76"/>
      <c r="I31" s="76"/>
      <c r="J31" s="76"/>
      <c r="K31" s="61" t="str">
        <f t="shared" si="3"/>
        <v xml:space="preserve"> </v>
      </c>
      <c r="L31" s="62"/>
      <c r="M31" s="62"/>
      <c r="N31" s="21" t="s">
        <v>37</v>
      </c>
      <c r="V31" s="17"/>
    </row>
    <row r="32" spans="1:22" ht="15">
      <c r="A32" s="72" t="s">
        <v>409</v>
      </c>
      <c r="B32" s="72"/>
      <c r="C32" s="72"/>
      <c r="D32" s="72"/>
      <c r="E32" s="82">
        <f>IF(D32&gt;0,(GPA!$B$22-D32)/(GPA!$B$22-GPA!$B$24)*100,0)</f>
        <v>0</v>
      </c>
      <c r="F32" s="76"/>
      <c r="G32" s="76"/>
      <c r="H32" s="76"/>
      <c r="I32" s="76"/>
      <c r="J32" s="76"/>
      <c r="K32" s="61" t="str">
        <f t="shared" si="3"/>
        <v xml:space="preserve"> </v>
      </c>
      <c r="L32" s="62"/>
      <c r="M32" s="62"/>
      <c r="N32" s="21" t="s">
        <v>38</v>
      </c>
      <c r="V32" s="17"/>
    </row>
    <row r="33" spans="1:22" ht="15">
      <c r="A33" s="72" t="s">
        <v>410</v>
      </c>
      <c r="B33" s="72"/>
      <c r="C33" s="72"/>
      <c r="D33" s="72"/>
      <c r="E33" s="82">
        <f>IF(D33&gt;0,(GPA!$B$22-D33)/(GPA!$B$22-GPA!$B$24)*100,0)</f>
        <v>0</v>
      </c>
      <c r="F33" s="76"/>
      <c r="G33" s="76"/>
      <c r="H33" s="76"/>
      <c r="I33" s="76"/>
      <c r="J33" s="76"/>
      <c r="K33" s="61" t="str">
        <f t="shared" si="3"/>
        <v xml:space="preserve"> </v>
      </c>
      <c r="L33" s="62"/>
      <c r="M33" s="62"/>
      <c r="N33" s="21" t="s">
        <v>39</v>
      </c>
      <c r="V33" s="17"/>
    </row>
    <row r="34" spans="1:22" ht="15">
      <c r="A34" s="72" t="s">
        <v>411</v>
      </c>
      <c r="B34" s="72"/>
      <c r="C34" s="72"/>
      <c r="D34" s="72"/>
      <c r="E34" s="82">
        <f>IF(D34&gt;0,(GPA!$B$22-D34)/(GPA!$B$22-GPA!$B$24)*100,0)</f>
        <v>0</v>
      </c>
      <c r="F34" s="76"/>
      <c r="G34" s="76"/>
      <c r="H34" s="76"/>
      <c r="I34" s="76"/>
      <c r="J34" s="76"/>
      <c r="K34" s="61" t="str">
        <f t="shared" si="3"/>
        <v xml:space="preserve"> </v>
      </c>
      <c r="L34" s="62"/>
      <c r="M34" s="62"/>
      <c r="N34" s="21" t="s">
        <v>40</v>
      </c>
      <c r="V34" s="17"/>
    </row>
    <row r="35" spans="1:22" ht="14.45" customHeight="1">
      <c r="A35" s="72" t="s">
        <v>412</v>
      </c>
      <c r="B35" s="75"/>
      <c r="C35" s="75"/>
      <c r="D35" s="75"/>
      <c r="E35" s="82">
        <f>IF(D35&gt;0,(GPA!$B$22-D35)/(GPA!$B$22-GPA!$B$24)*100,0)</f>
        <v>0</v>
      </c>
      <c r="F35" s="76"/>
      <c r="G35" s="76"/>
      <c r="H35" s="76"/>
      <c r="I35" s="76"/>
      <c r="J35" s="76"/>
      <c r="K35" s="61" t="str">
        <f t="shared" si="2"/>
        <v xml:space="preserve"> </v>
      </c>
      <c r="L35" s="62"/>
      <c r="M35" s="62"/>
      <c r="N35" s="21" t="s">
        <v>22</v>
      </c>
      <c r="V35" s="17"/>
    </row>
    <row r="36" spans="1:22" ht="15">
      <c r="A36" s="72" t="s">
        <v>413</v>
      </c>
      <c r="B36" s="75"/>
      <c r="C36" s="75"/>
      <c r="D36" s="75"/>
      <c r="E36" s="82">
        <f>IF(D36&gt;0,(GPA!$B$22-D36)/(GPA!$B$22-GPA!$B$24)*100,0)</f>
        <v>0</v>
      </c>
      <c r="F36" s="76"/>
      <c r="G36" s="76"/>
      <c r="H36" s="76"/>
      <c r="I36" s="76"/>
      <c r="J36" s="76"/>
      <c r="K36" s="61" t="str">
        <f t="shared" si="2"/>
        <v xml:space="preserve"> </v>
      </c>
      <c r="L36" s="62"/>
      <c r="M36" s="62"/>
      <c r="N36" s="21" t="s">
        <v>23</v>
      </c>
      <c r="V36" s="17"/>
    </row>
    <row r="37" spans="1:22" ht="15">
      <c r="A37" s="72" t="s">
        <v>414</v>
      </c>
      <c r="B37" s="75"/>
      <c r="C37" s="75"/>
      <c r="D37" s="75"/>
      <c r="E37" s="82">
        <f>IF(D37&gt;0,(GPA!$B$22-D37)/(GPA!$B$22-GPA!$B$24)*100,0)</f>
        <v>0</v>
      </c>
      <c r="F37" s="76"/>
      <c r="G37" s="76"/>
      <c r="H37" s="76"/>
      <c r="I37" s="76"/>
      <c r="J37" s="76"/>
      <c r="K37" s="61" t="str">
        <f t="shared" si="2"/>
        <v xml:space="preserve"> </v>
      </c>
      <c r="L37" s="62"/>
      <c r="M37" s="62"/>
      <c r="N37" s="21" t="s">
        <v>24</v>
      </c>
      <c r="V37" s="17"/>
    </row>
    <row r="38" spans="1:22" ht="15">
      <c r="A38" s="72" t="s">
        <v>415</v>
      </c>
      <c r="B38" s="75"/>
      <c r="C38" s="75"/>
      <c r="D38" s="75"/>
      <c r="E38" s="82">
        <f>IF(D38&gt;0,(GPA!$B$22-D38)/(GPA!$B$22-GPA!$B$24)*100,0)</f>
        <v>0</v>
      </c>
      <c r="F38" s="76"/>
      <c r="G38" s="76"/>
      <c r="H38" s="76"/>
      <c r="I38" s="76"/>
      <c r="J38" s="76"/>
      <c r="K38" s="61" t="str">
        <f t="shared" si="2"/>
        <v xml:space="preserve"> </v>
      </c>
      <c r="L38" s="62"/>
      <c r="M38" s="62"/>
      <c r="N38" s="21" t="s">
        <v>25</v>
      </c>
      <c r="V38" s="17"/>
    </row>
    <row r="39" spans="1:22" ht="15">
      <c r="A39" s="72" t="s">
        <v>416</v>
      </c>
      <c r="B39" s="75"/>
      <c r="C39" s="75"/>
      <c r="D39" s="75"/>
      <c r="E39" s="82">
        <f>IF(D39&gt;0,(GPA!$B$22-D39)/(GPA!$B$22-GPA!$B$24)*100,0)</f>
        <v>0</v>
      </c>
      <c r="F39" s="76"/>
      <c r="G39" s="76"/>
      <c r="H39" s="76"/>
      <c r="I39" s="76"/>
      <c r="J39" s="76"/>
      <c r="K39" s="61" t="str">
        <f t="shared" si="2"/>
        <v xml:space="preserve"> </v>
      </c>
      <c r="L39" s="62"/>
      <c r="M39" s="62"/>
      <c r="N39" s="21" t="s">
        <v>26</v>
      </c>
      <c r="V39" s="17"/>
    </row>
    <row r="40" spans="1:22" ht="15">
      <c r="A40" s="72" t="s">
        <v>417</v>
      </c>
      <c r="B40" s="75"/>
      <c r="C40" s="75"/>
      <c r="D40" s="75"/>
      <c r="E40" s="82">
        <f>IF(D40&gt;0,(GPA!$B$22-D40)/(GPA!$B$22-GPA!$B$24)*100,0)</f>
        <v>0</v>
      </c>
      <c r="F40" s="76"/>
      <c r="G40" s="76"/>
      <c r="H40" s="76"/>
      <c r="I40" s="76"/>
      <c r="J40" s="76"/>
      <c r="K40" s="61" t="str">
        <f t="shared" si="2"/>
        <v xml:space="preserve"> </v>
      </c>
      <c r="L40" s="62"/>
      <c r="M40" s="62"/>
      <c r="N40" s="21" t="s">
        <v>27</v>
      </c>
      <c r="V40" s="17"/>
    </row>
    <row r="41" spans="1:22" ht="15">
      <c r="A41" s="72" t="s">
        <v>418</v>
      </c>
      <c r="B41" s="75"/>
      <c r="C41" s="75"/>
      <c r="D41" s="75"/>
      <c r="E41" s="82">
        <f>IF(D41&gt;0,(GPA!$B$22-D41)/(GPA!$B$22-GPA!$B$24)*100,0)</f>
        <v>0</v>
      </c>
      <c r="F41" s="76"/>
      <c r="G41" s="76"/>
      <c r="H41" s="76"/>
      <c r="I41" s="76"/>
      <c r="J41" s="76"/>
      <c r="K41" s="61" t="str">
        <f t="shared" si="2"/>
        <v xml:space="preserve"> </v>
      </c>
      <c r="L41" s="62"/>
      <c r="M41" s="62"/>
      <c r="N41" s="21" t="s">
        <v>28</v>
      </c>
      <c r="V41" s="17"/>
    </row>
    <row r="42" spans="1:22" ht="15">
      <c r="A42" s="72" t="s">
        <v>419</v>
      </c>
      <c r="B42" s="75"/>
      <c r="C42" s="75"/>
      <c r="D42" s="75"/>
      <c r="E42" s="82">
        <f>IF(D42&gt;0,(GPA!$B$22-D42)/(GPA!$B$22-GPA!$B$24)*100,0)</f>
        <v>0</v>
      </c>
      <c r="F42" s="76"/>
      <c r="G42" s="76"/>
      <c r="H42" s="76"/>
      <c r="I42" s="76"/>
      <c r="J42" s="76"/>
      <c r="K42" s="61" t="str">
        <f t="shared" si="2"/>
        <v xml:space="preserve"> </v>
      </c>
      <c r="L42" s="62"/>
      <c r="M42" s="62"/>
      <c r="N42" s="21" t="s">
        <v>29</v>
      </c>
      <c r="V42" s="17"/>
    </row>
    <row r="43" spans="1:22" ht="15">
      <c r="A43" s="72" t="s">
        <v>420</v>
      </c>
      <c r="B43" s="75"/>
      <c r="C43" s="75"/>
      <c r="D43" s="75"/>
      <c r="E43" s="82">
        <f>IF(D43&gt;0,(GPA!$B$22-D43)/(GPA!$B$22-GPA!$B$24)*100,0)</f>
        <v>0</v>
      </c>
      <c r="F43" s="76"/>
      <c r="G43" s="76"/>
      <c r="H43" s="76"/>
      <c r="I43" s="76"/>
      <c r="J43" s="76"/>
      <c r="K43" s="61" t="str">
        <f t="shared" si="2"/>
        <v xml:space="preserve"> </v>
      </c>
      <c r="L43" s="62"/>
      <c r="M43" s="62"/>
      <c r="N43" s="21" t="s">
        <v>30</v>
      </c>
      <c r="V43" s="17"/>
    </row>
    <row r="44" spans="1:22" ht="15">
      <c r="A44" s="72" t="s">
        <v>421</v>
      </c>
      <c r="B44" s="75"/>
      <c r="C44" s="75"/>
      <c r="D44" s="75"/>
      <c r="E44" s="82">
        <f>IF(D44&gt;0,(GPA!$B$22-D44)/(GPA!$B$22-GPA!$B$24)*100,0)</f>
        <v>0</v>
      </c>
      <c r="F44" s="76"/>
      <c r="G44" s="76"/>
      <c r="H44" s="76"/>
      <c r="I44" s="76"/>
      <c r="J44" s="76"/>
      <c r="K44" s="61" t="str">
        <f t="shared" si="2"/>
        <v xml:space="preserve"> </v>
      </c>
      <c r="L44" s="62"/>
      <c r="M44" s="62"/>
      <c r="N44" s="21" t="s">
        <v>31</v>
      </c>
      <c r="V44" s="17"/>
    </row>
    <row r="45" spans="1:22" ht="15">
      <c r="A45" s="72" t="s">
        <v>422</v>
      </c>
      <c r="B45" s="72"/>
      <c r="C45" s="72"/>
      <c r="D45" s="72"/>
      <c r="E45" s="82">
        <f>IF(D45&gt;0,(GPA!$B$22-D45)/(GPA!$B$22-GPA!$B$24)*100,0)</f>
        <v>0</v>
      </c>
      <c r="F45" s="76"/>
      <c r="G45" s="76"/>
      <c r="H45" s="76"/>
      <c r="I45" s="76"/>
      <c r="J45" s="76"/>
      <c r="K45" s="61" t="str">
        <f t="shared" si="2"/>
        <v xml:space="preserve"> </v>
      </c>
      <c r="L45" s="62"/>
      <c r="M45" s="62"/>
      <c r="N45" s="21" t="s">
        <v>32</v>
      </c>
      <c r="V45" s="17"/>
    </row>
    <row r="46" spans="1:22" ht="15">
      <c r="A46" s="72" t="s">
        <v>423</v>
      </c>
      <c r="B46" s="72"/>
      <c r="C46" s="72"/>
      <c r="D46" s="72"/>
      <c r="E46" s="82">
        <f>IF(D46&gt;0,(GPA!$B$22-D46)/(GPA!$B$22-GPA!$B$24)*100,0)</f>
        <v>0</v>
      </c>
      <c r="F46" s="76"/>
      <c r="G46" s="76"/>
      <c r="H46" s="76"/>
      <c r="I46" s="76"/>
      <c r="J46" s="76"/>
      <c r="K46" s="61" t="str">
        <f t="shared" si="2"/>
        <v xml:space="preserve"> </v>
      </c>
      <c r="L46" s="62"/>
      <c r="M46" s="62"/>
      <c r="N46" s="21" t="s">
        <v>33</v>
      </c>
      <c r="V46" s="17"/>
    </row>
    <row r="47" spans="1:22" ht="15">
      <c r="A47" s="72" t="s">
        <v>424</v>
      </c>
      <c r="B47" s="72"/>
      <c r="C47" s="72"/>
      <c r="D47" s="72"/>
      <c r="E47" s="82">
        <f>IF(D47&gt;0,(GPA!$B$22-D47)/(GPA!$B$22-GPA!$B$24)*100,0)</f>
        <v>0</v>
      </c>
      <c r="F47" s="76"/>
      <c r="G47" s="76"/>
      <c r="H47" s="76"/>
      <c r="I47" s="76"/>
      <c r="J47" s="76"/>
      <c r="K47" s="61" t="str">
        <f t="shared" si="2"/>
        <v xml:space="preserve"> </v>
      </c>
      <c r="L47" s="62"/>
      <c r="M47" s="62"/>
      <c r="N47" s="21" t="s">
        <v>34</v>
      </c>
      <c r="V47" s="17"/>
    </row>
    <row r="48" spans="1:22" ht="15">
      <c r="A48" s="72" t="s">
        <v>425</v>
      </c>
      <c r="B48" s="72"/>
      <c r="C48" s="72"/>
      <c r="D48" s="72"/>
      <c r="E48" s="82">
        <f>IF(D48&gt;0,(GPA!$B$22-D48)/(GPA!$B$22-GPA!$B$24)*100,0)</f>
        <v>0</v>
      </c>
      <c r="F48" s="76"/>
      <c r="G48" s="76"/>
      <c r="H48" s="76"/>
      <c r="I48" s="76"/>
      <c r="J48" s="76"/>
      <c r="K48" s="61" t="str">
        <f t="shared" si="2"/>
        <v xml:space="preserve"> </v>
      </c>
      <c r="L48" s="62"/>
      <c r="M48" s="62"/>
      <c r="N48" s="21" t="s">
        <v>35</v>
      </c>
      <c r="V48" s="17"/>
    </row>
    <row r="49" spans="1:22" ht="15">
      <c r="A49" s="72" t="s">
        <v>426</v>
      </c>
      <c r="B49" s="72"/>
      <c r="C49" s="72"/>
      <c r="D49" s="72"/>
      <c r="E49" s="82">
        <f>IF(D49&gt;0,(GPA!$B$22-D49)/(GPA!$B$22-GPA!$B$24)*100,0)</f>
        <v>0</v>
      </c>
      <c r="F49" s="76"/>
      <c r="G49" s="76"/>
      <c r="H49" s="76"/>
      <c r="I49" s="76"/>
      <c r="J49" s="76"/>
      <c r="K49" s="61" t="str">
        <f t="shared" si="2"/>
        <v xml:space="preserve"> </v>
      </c>
      <c r="L49" s="62"/>
      <c r="M49" s="62"/>
      <c r="N49" s="21" t="s">
        <v>36</v>
      </c>
      <c r="V49" s="17"/>
    </row>
    <row r="50" spans="1:22" ht="15">
      <c r="A50" s="72" t="s">
        <v>427</v>
      </c>
      <c r="B50" s="72"/>
      <c r="C50" s="72"/>
      <c r="D50" s="72"/>
      <c r="E50" s="82">
        <f>IF(D50&gt;0,(GPA!$B$22-D50)/(GPA!$B$22-GPA!$B$24)*100,0)</f>
        <v>0</v>
      </c>
      <c r="F50" s="76"/>
      <c r="G50" s="76"/>
      <c r="H50" s="76"/>
      <c r="I50" s="76"/>
      <c r="J50" s="76"/>
      <c r="K50" s="61" t="str">
        <f t="shared" si="2"/>
        <v xml:space="preserve"> </v>
      </c>
      <c r="L50" s="62"/>
      <c r="M50" s="62"/>
      <c r="N50" s="21" t="s">
        <v>37</v>
      </c>
      <c r="V50" s="17"/>
    </row>
    <row r="51" spans="1:22" ht="15">
      <c r="A51" s="72" t="s">
        <v>428</v>
      </c>
      <c r="B51" s="72"/>
      <c r="C51" s="72"/>
      <c r="D51" s="72"/>
      <c r="E51" s="82">
        <f>IF(D51&gt;0,(GPA!$B$22-D51)/(GPA!$B$22-GPA!$B$24)*100,0)</f>
        <v>0</v>
      </c>
      <c r="F51" s="76"/>
      <c r="G51" s="76"/>
      <c r="H51" s="76"/>
      <c r="I51" s="76"/>
      <c r="J51" s="76"/>
      <c r="K51" s="61" t="str">
        <f t="shared" si="2"/>
        <v xml:space="preserve"> </v>
      </c>
      <c r="L51" s="62"/>
      <c r="M51" s="62"/>
      <c r="N51" s="21" t="s">
        <v>38</v>
      </c>
      <c r="V51" s="17"/>
    </row>
    <row r="52" spans="1:22" ht="15">
      <c r="A52" s="72" t="s">
        <v>429</v>
      </c>
      <c r="B52" s="72"/>
      <c r="C52" s="72"/>
      <c r="D52" s="72"/>
      <c r="E52" s="82">
        <f>IF(D52&gt;0,(GPA!$B$22-D52)/(GPA!$B$22-GPA!$B$24)*100,0)</f>
        <v>0</v>
      </c>
      <c r="F52" s="76"/>
      <c r="G52" s="76"/>
      <c r="H52" s="76"/>
      <c r="I52" s="76"/>
      <c r="J52" s="76"/>
      <c r="K52" s="61" t="str">
        <f t="shared" si="2"/>
        <v xml:space="preserve"> </v>
      </c>
      <c r="L52" s="62"/>
      <c r="M52" s="62"/>
      <c r="N52" s="21" t="s">
        <v>39</v>
      </c>
      <c r="V52" s="17"/>
    </row>
    <row r="53" spans="1:22" ht="15">
      <c r="A53" s="72" t="s">
        <v>430</v>
      </c>
      <c r="B53" s="72"/>
      <c r="C53" s="72"/>
      <c r="D53" s="72"/>
      <c r="E53" s="82">
        <f>IF(D53&gt;0,(GPA!$B$22-D53)/(GPA!$B$22-GPA!$B$24)*100,0)</f>
        <v>0</v>
      </c>
      <c r="F53" s="76"/>
      <c r="G53" s="76"/>
      <c r="H53" s="76"/>
      <c r="I53" s="76"/>
      <c r="J53" s="76"/>
      <c r="K53" s="61" t="str">
        <f t="shared" si="2"/>
        <v xml:space="preserve"> </v>
      </c>
      <c r="L53" s="62"/>
      <c r="M53" s="62"/>
      <c r="N53" s="21" t="s">
        <v>40</v>
      </c>
      <c r="V53" s="17"/>
    </row>
    <row r="54" spans="1:22" ht="45" customHeight="1">
      <c r="A54" s="146" t="s">
        <v>354</v>
      </c>
      <c r="B54" s="146"/>
      <c r="C54" s="146"/>
      <c r="D54" s="68"/>
      <c r="F54" s="68"/>
      <c r="G54" s="68"/>
      <c r="H54" s="68"/>
      <c r="I54" s="68"/>
      <c r="J54" s="68"/>
      <c r="K54"/>
      <c r="L54" s="62"/>
      <c r="M54" s="62"/>
      <c r="N54" s="21" t="s">
        <v>171</v>
      </c>
      <c r="V54" s="17"/>
    </row>
    <row r="55" spans="1:22" ht="15">
      <c r="A55" s="72" t="s">
        <v>355</v>
      </c>
      <c r="B55" s="72"/>
      <c r="C55" s="72"/>
      <c r="D55" s="72"/>
      <c r="F55" s="77"/>
      <c r="G55" s="77"/>
      <c r="H55" s="77"/>
      <c r="I55" s="77"/>
      <c r="J55" s="77"/>
      <c r="K55" s="61" t="str">
        <f t="shared" ref="K55:K69" si="4">IF(ISBLANK(B55)," ",100-SUM(F55:J55))</f>
        <v xml:space="preserve"> </v>
      </c>
      <c r="L55" s="62"/>
      <c r="M55" s="62"/>
      <c r="N55" s="21" t="s">
        <v>172</v>
      </c>
      <c r="V55" s="17"/>
    </row>
    <row r="56" spans="1:22" ht="15">
      <c r="A56" s="72" t="s">
        <v>356</v>
      </c>
      <c r="B56" s="72"/>
      <c r="C56" s="72"/>
      <c r="D56" s="72"/>
      <c r="F56" s="77"/>
      <c r="G56" s="77"/>
      <c r="H56" s="77"/>
      <c r="I56" s="77"/>
      <c r="J56" s="77"/>
      <c r="K56" s="61" t="str">
        <f t="shared" si="4"/>
        <v xml:space="preserve"> </v>
      </c>
      <c r="L56" s="62"/>
      <c r="M56" s="62"/>
      <c r="N56" s="21" t="s">
        <v>173</v>
      </c>
      <c r="V56" s="17"/>
    </row>
    <row r="57" spans="1:22" ht="15">
      <c r="A57" s="72" t="s">
        <v>357</v>
      </c>
      <c r="B57" s="72"/>
      <c r="C57" s="72"/>
      <c r="D57" s="72"/>
      <c r="F57" s="77"/>
      <c r="G57" s="77"/>
      <c r="H57" s="77"/>
      <c r="I57" s="77"/>
      <c r="J57" s="77"/>
      <c r="K57" s="61" t="str">
        <f t="shared" si="4"/>
        <v xml:space="preserve"> </v>
      </c>
      <c r="L57" s="62"/>
      <c r="M57" s="62"/>
      <c r="N57" s="21" t="s">
        <v>174</v>
      </c>
      <c r="V57" s="17"/>
    </row>
    <row r="58" spans="1:22" ht="15">
      <c r="A58" s="72" t="s">
        <v>358</v>
      </c>
      <c r="B58" s="72"/>
      <c r="C58" s="72"/>
      <c r="D58" s="72"/>
      <c r="F58" s="77"/>
      <c r="G58" s="77"/>
      <c r="H58" s="77"/>
      <c r="I58" s="77"/>
      <c r="J58" s="77"/>
      <c r="K58" s="61" t="str">
        <f t="shared" si="4"/>
        <v xml:space="preserve"> </v>
      </c>
      <c r="L58" s="62"/>
      <c r="M58" s="62"/>
      <c r="N58" s="21" t="s">
        <v>175</v>
      </c>
      <c r="V58" s="17"/>
    </row>
    <row r="59" spans="1:22" ht="15">
      <c r="A59" s="72" t="s">
        <v>359</v>
      </c>
      <c r="B59" s="72"/>
      <c r="C59" s="72"/>
      <c r="D59" s="72"/>
      <c r="F59" s="77"/>
      <c r="G59" s="77"/>
      <c r="H59" s="77"/>
      <c r="I59" s="77"/>
      <c r="J59" s="77"/>
      <c r="K59" s="61" t="str">
        <f t="shared" si="4"/>
        <v xml:space="preserve"> </v>
      </c>
      <c r="L59" s="62"/>
      <c r="M59" s="62"/>
      <c r="N59" s="21" t="s">
        <v>176</v>
      </c>
      <c r="V59" s="17"/>
    </row>
    <row r="60" spans="1:22" ht="15">
      <c r="A60" s="72" t="s">
        <v>360</v>
      </c>
      <c r="B60" s="72"/>
      <c r="C60" s="72"/>
      <c r="D60" s="72"/>
      <c r="F60" s="77"/>
      <c r="G60" s="77"/>
      <c r="H60" s="77"/>
      <c r="I60" s="77"/>
      <c r="J60" s="77"/>
      <c r="K60" s="61" t="str">
        <f t="shared" si="4"/>
        <v xml:space="preserve"> </v>
      </c>
      <c r="L60" s="62"/>
      <c r="M60" s="62"/>
      <c r="N60" s="21" t="s">
        <v>177</v>
      </c>
      <c r="V60" s="17"/>
    </row>
    <row r="61" spans="1:22" ht="15">
      <c r="A61" s="72" t="s">
        <v>361</v>
      </c>
      <c r="B61" s="72"/>
      <c r="C61" s="72"/>
      <c r="D61" s="72"/>
      <c r="F61" s="77"/>
      <c r="G61" s="77"/>
      <c r="H61" s="77"/>
      <c r="I61" s="77"/>
      <c r="J61" s="77"/>
      <c r="K61" s="61" t="str">
        <f t="shared" si="4"/>
        <v xml:space="preserve"> </v>
      </c>
      <c r="L61" s="62"/>
      <c r="M61" s="62"/>
      <c r="N61" s="21" t="s">
        <v>178</v>
      </c>
      <c r="V61" s="17"/>
    </row>
    <row r="62" spans="1:22" ht="15">
      <c r="A62" s="72" t="s">
        <v>362</v>
      </c>
      <c r="B62" s="72"/>
      <c r="C62" s="72"/>
      <c r="D62" s="72"/>
      <c r="F62" s="77"/>
      <c r="G62" s="77"/>
      <c r="H62" s="77"/>
      <c r="I62" s="77"/>
      <c r="J62" s="77"/>
      <c r="K62" s="61" t="str">
        <f t="shared" si="4"/>
        <v xml:space="preserve"> </v>
      </c>
      <c r="L62" s="62"/>
      <c r="M62" s="62"/>
      <c r="N62" s="21" t="s">
        <v>179</v>
      </c>
      <c r="V62" s="17"/>
    </row>
    <row r="63" spans="1:22" ht="15">
      <c r="A63" s="72" t="s">
        <v>363</v>
      </c>
      <c r="B63" s="72"/>
      <c r="C63" s="72"/>
      <c r="D63" s="72"/>
      <c r="F63" s="77"/>
      <c r="G63" s="77"/>
      <c r="H63" s="77"/>
      <c r="I63" s="77"/>
      <c r="J63" s="77"/>
      <c r="K63" s="61" t="str">
        <f t="shared" si="4"/>
        <v xml:space="preserve"> </v>
      </c>
      <c r="L63" s="62"/>
      <c r="M63" s="62"/>
      <c r="N63" s="21" t="s">
        <v>180</v>
      </c>
      <c r="V63" s="17"/>
    </row>
    <row r="64" spans="1:22" ht="15">
      <c r="A64" s="72" t="s">
        <v>364</v>
      </c>
      <c r="B64" s="72"/>
      <c r="C64" s="72"/>
      <c r="D64" s="72"/>
      <c r="F64" s="77"/>
      <c r="G64" s="77"/>
      <c r="H64" s="77"/>
      <c r="I64" s="77"/>
      <c r="J64" s="77"/>
      <c r="K64" s="61" t="str">
        <f t="shared" si="4"/>
        <v xml:space="preserve"> </v>
      </c>
      <c r="L64" s="62"/>
      <c r="M64" s="62"/>
      <c r="N64" s="21" t="s">
        <v>181</v>
      </c>
      <c r="V64" s="17"/>
    </row>
    <row r="65" spans="1:22" ht="15">
      <c r="A65" s="72" t="s">
        <v>365</v>
      </c>
      <c r="B65" s="72"/>
      <c r="C65" s="72"/>
      <c r="D65" s="72"/>
      <c r="F65" s="77"/>
      <c r="G65" s="77"/>
      <c r="H65" s="77"/>
      <c r="I65" s="77"/>
      <c r="J65" s="77"/>
      <c r="K65" s="61" t="str">
        <f t="shared" si="4"/>
        <v xml:space="preserve"> </v>
      </c>
      <c r="L65" s="62"/>
      <c r="M65" s="62"/>
      <c r="N65" s="21" t="s">
        <v>182</v>
      </c>
      <c r="V65" s="17"/>
    </row>
    <row r="66" spans="1:22" ht="15">
      <c r="A66" s="72" t="s">
        <v>366</v>
      </c>
      <c r="B66" s="72"/>
      <c r="C66" s="72"/>
      <c r="D66" s="72"/>
      <c r="F66" s="77"/>
      <c r="G66" s="77"/>
      <c r="H66" s="77"/>
      <c r="I66" s="77"/>
      <c r="J66" s="77"/>
      <c r="K66" s="61" t="str">
        <f t="shared" si="4"/>
        <v xml:space="preserve"> </v>
      </c>
      <c r="L66" s="62"/>
      <c r="M66" s="62"/>
      <c r="N66" s="21" t="s">
        <v>183</v>
      </c>
      <c r="V66" s="17"/>
    </row>
    <row r="67" spans="1:22" ht="15">
      <c r="A67" s="72" t="s">
        <v>367</v>
      </c>
      <c r="B67" s="72"/>
      <c r="C67" s="72"/>
      <c r="D67" s="72"/>
      <c r="F67" s="77"/>
      <c r="G67" s="77"/>
      <c r="H67" s="77"/>
      <c r="I67" s="77"/>
      <c r="J67" s="77"/>
      <c r="K67" s="61" t="str">
        <f t="shared" si="4"/>
        <v xml:space="preserve"> </v>
      </c>
      <c r="L67" s="62"/>
      <c r="M67" s="62"/>
      <c r="N67" s="21" t="s">
        <v>184</v>
      </c>
      <c r="V67" s="17"/>
    </row>
    <row r="68" spans="1:22" ht="15">
      <c r="A68" s="72" t="s">
        <v>368</v>
      </c>
      <c r="B68" s="72"/>
      <c r="C68" s="72"/>
      <c r="D68" s="72"/>
      <c r="F68" s="77"/>
      <c r="G68" s="77"/>
      <c r="H68" s="77"/>
      <c r="I68" s="77"/>
      <c r="J68" s="77"/>
      <c r="K68" s="61" t="str">
        <f t="shared" si="4"/>
        <v xml:space="preserve"> </v>
      </c>
      <c r="L68" s="62"/>
      <c r="M68" s="62"/>
      <c r="N68" s="21" t="s">
        <v>185</v>
      </c>
      <c r="V68" s="17"/>
    </row>
    <row r="69" spans="1:22" ht="15">
      <c r="A69" s="72" t="s">
        <v>369</v>
      </c>
      <c r="B69" s="72"/>
      <c r="C69" s="72"/>
      <c r="D69" s="72"/>
      <c r="F69" s="77"/>
      <c r="G69" s="77"/>
      <c r="H69" s="77"/>
      <c r="I69" s="77"/>
      <c r="J69" s="77"/>
      <c r="K69" s="61" t="str">
        <f t="shared" si="4"/>
        <v xml:space="preserve"> </v>
      </c>
      <c r="L69" s="62"/>
      <c r="M69" s="62"/>
      <c r="N69" s="21" t="s">
        <v>186</v>
      </c>
      <c r="V69" s="17"/>
    </row>
    <row r="70" spans="1:22" ht="15">
      <c r="A70" s="70" t="s">
        <v>339</v>
      </c>
      <c r="B70" s="68">
        <f>SUM(B55:B69)</f>
        <v>0</v>
      </c>
      <c r="C70" s="19"/>
      <c r="D70" s="19"/>
      <c r="E70" s="19"/>
      <c r="V70" s="74" t="s">
        <v>222</v>
      </c>
    </row>
    <row r="71" spans="1:22" ht="15">
      <c r="A71" s="19"/>
      <c r="B71" s="19"/>
      <c r="C71" s="19"/>
      <c r="D71" s="19"/>
      <c r="E71" s="19"/>
      <c r="F71" s="19"/>
      <c r="G71" s="19"/>
      <c r="H71" s="19"/>
      <c r="I71" s="19"/>
      <c r="J71" s="19"/>
      <c r="V71" s="74" t="s">
        <v>223</v>
      </c>
    </row>
    <row r="72" spans="1:22" ht="15">
      <c r="F72" s="19"/>
      <c r="G72" s="19"/>
      <c r="H72" s="19"/>
      <c r="I72" s="19"/>
      <c r="J72" s="19"/>
      <c r="V72" s="74" t="s">
        <v>224</v>
      </c>
    </row>
    <row r="73" spans="1:22" ht="15">
      <c r="F73" s="19"/>
      <c r="G73" s="19"/>
      <c r="H73" s="19"/>
      <c r="I73" s="19"/>
      <c r="J73" s="19"/>
      <c r="V73" s="74" t="s">
        <v>225</v>
      </c>
    </row>
    <row r="74" spans="1:22" ht="15">
      <c r="C74" s="19"/>
      <c r="D74" s="19"/>
      <c r="E74" s="19"/>
      <c r="F74" s="19"/>
      <c r="G74" s="19"/>
      <c r="H74" s="19"/>
      <c r="I74" s="19"/>
      <c r="J74" s="19"/>
      <c r="V74" s="74" t="s">
        <v>226</v>
      </c>
    </row>
    <row r="75" spans="1:22" ht="15">
      <c r="V75" s="74" t="s">
        <v>227</v>
      </c>
    </row>
    <row r="76" spans="1:22" ht="15">
      <c r="V76" s="74" t="s">
        <v>228</v>
      </c>
    </row>
    <row r="77" spans="1:22" ht="15">
      <c r="V77" s="74" t="s">
        <v>229</v>
      </c>
    </row>
    <row r="78" spans="1:22" ht="15">
      <c r="V78" s="74" t="s">
        <v>230</v>
      </c>
    </row>
    <row r="79" spans="1:22" ht="15">
      <c r="V79" s="74" t="s">
        <v>231</v>
      </c>
    </row>
    <row r="80" spans="1:22" ht="15">
      <c r="V80" s="74" t="s">
        <v>232</v>
      </c>
    </row>
    <row r="81" spans="22:22" ht="15">
      <c r="V81" s="74" t="s">
        <v>233</v>
      </c>
    </row>
    <row r="82" spans="22:22" ht="15">
      <c r="V82" s="74" t="s">
        <v>234</v>
      </c>
    </row>
    <row r="83" spans="22:22" ht="15">
      <c r="V83" s="74" t="s">
        <v>235</v>
      </c>
    </row>
    <row r="84" spans="22:22" ht="15">
      <c r="V84" s="74" t="s">
        <v>236</v>
      </c>
    </row>
    <row r="85" spans="22:22" ht="15">
      <c r="V85" s="74" t="s">
        <v>237</v>
      </c>
    </row>
    <row r="86" spans="22:22" ht="15">
      <c r="V86" s="74" t="s">
        <v>238</v>
      </c>
    </row>
    <row r="87" spans="22:22" ht="15">
      <c r="V87" s="74" t="s">
        <v>239</v>
      </c>
    </row>
    <row r="88" spans="22:22" ht="15">
      <c r="V88" s="74" t="s">
        <v>240</v>
      </c>
    </row>
    <row r="89" spans="22:22" ht="15">
      <c r="V89" s="74" t="s">
        <v>241</v>
      </c>
    </row>
    <row r="90" spans="22:22" ht="15">
      <c r="V90" s="74" t="s">
        <v>242</v>
      </c>
    </row>
    <row r="91" spans="22:22" ht="15">
      <c r="V91" s="74" t="s">
        <v>243</v>
      </c>
    </row>
    <row r="92" spans="22:22" ht="15">
      <c r="V92" s="74" t="s">
        <v>244</v>
      </c>
    </row>
    <row r="93" spans="22:22" ht="15">
      <c r="V93" s="74" t="s">
        <v>245</v>
      </c>
    </row>
    <row r="94" spans="22:22" ht="15">
      <c r="V94" s="74" t="s">
        <v>246</v>
      </c>
    </row>
    <row r="95" spans="22:22" ht="15">
      <c r="V95" s="74" t="s">
        <v>247</v>
      </c>
    </row>
    <row r="96" spans="22:22" ht="15">
      <c r="V96" s="74" t="s">
        <v>248</v>
      </c>
    </row>
    <row r="97" spans="22:22" ht="15">
      <c r="V97" s="74" t="s">
        <v>249</v>
      </c>
    </row>
    <row r="98" spans="22:22" ht="15">
      <c r="V98" s="74" t="s">
        <v>250</v>
      </c>
    </row>
    <row r="99" spans="22:22" ht="15">
      <c r="V99" s="74" t="s">
        <v>251</v>
      </c>
    </row>
  </sheetData>
  <sheetProtection algorithmName="SHA-512" hashValue="t6UzM6fIj62gnbDRVXcjR/7VKlgTLAmFJzO0MkEhkYrKeRk2dm34HAS4aMlGqz6On1eWaWpXUPVE39QyqQHncA==" saltValue="lGmbKkjccZ/YSum8Z/lk+w==" spinCount="100000" sheet="1" objects="1" scenarios="1"/>
  <mergeCells count="3">
    <mergeCell ref="A8:J8"/>
    <mergeCell ref="A4:J6"/>
    <mergeCell ref="A54:C54"/>
  </mergeCells>
  <phoneticPr fontId="43" type="noConversion"/>
  <conditionalFormatting sqref="A12:C12">
    <cfRule type="expression" dxfId="24" priority="2">
      <formula>OR(#REF!="No", #REF!="")</formula>
    </cfRule>
  </conditionalFormatting>
  <conditionalFormatting sqref="D12:D15 A13:D53 D35:D69 A70:O71">
    <cfRule type="expression" dxfId="23" priority="5">
      <formula>OR(#REF!="No", #REF!="")</formula>
    </cfRule>
  </conditionalFormatting>
  <conditionalFormatting sqref="E12:E53">
    <cfRule type="expression" dxfId="22" priority="1">
      <formula>OR(#REF!="No", #REF!="")</formula>
    </cfRule>
  </conditionalFormatting>
  <conditionalFormatting sqref="F12:K69 A54 A55:C69">
    <cfRule type="expression" dxfId="21" priority="18">
      <formula>OR(#REF!="No", #REF!="")</formula>
    </cfRule>
  </conditionalFormatting>
  <conditionalFormatting sqref="L14:M69">
    <cfRule type="expression" dxfId="20" priority="6">
      <formula>OR(#REF!="No", #REF!="")</formula>
    </cfRule>
  </conditionalFormatting>
  <dataValidations count="10">
    <dataValidation type="decimal" allowBlank="1" showInputMessage="1" showErrorMessage="1" errorTitle="ERROR" error="Please make sure to type everything manually. Don't copy&amp;paste. _x000a_Make sure to use correct decimal marker &quot;.&quot; or &quot;,&quot;" sqref="D15:D53 B15:C25 B35:C44" xr:uid="{7C9389C4-81A7-437B-90F3-3D420CBA784C}">
      <formula1>0</formula1>
      <formula2>10000</formula2>
    </dataValidation>
    <dataValidation allowBlank="1" sqref="C55:D69" xr:uid="{B3B282B6-D4BB-419C-84DF-8ADF44FED0F0}"/>
    <dataValidation allowBlank="1" showInputMessage="1" showErrorMessage="1" prompt="This column should be filled with the local credits as stated in your official Transcript of Records." sqref="B12:C12" xr:uid="{14A94E9C-217A-412D-8F6D-04AAF0682170}"/>
    <dataValidation allowBlank="1" showInputMessage="1" showErrorMessage="1" prompt="This column should be filled with the local grades, as stated in your official Transcript of Records." sqref="D12" xr:uid="{88E83201-9664-420B-B1F5-560971AB7DB1}"/>
    <dataValidation allowBlank="1" showInputMessage="1" showErrorMessage="1" prompt="This cell should show your total amount of credits done during your BSc._x000a__x000a__x000a_" sqref="B13:C13" xr:uid="{A38748BA-957D-4C2D-A65B-2CCF810DC6BE}"/>
    <dataValidation allowBlank="1" showInputMessage="1" showErrorMessage="1" prompt="Average grade of all the courses._x000a_This is different from the GPA calculation" sqref="D14:E14" xr:uid="{A5D468B5-223E-4B21-9810-1189AB8D9F40}"/>
    <dataValidation allowBlank="1" showInputMessage="1" showErrorMessage="1" prompt="Estimated percentage of credits that are not relevant to the course." sqref="K13" xr:uid="{8146F0DE-0C2A-4D8B-A69F-2B3D6569338C}"/>
    <dataValidation allowBlank="1" showInputMessage="1" showErrorMessage="1" promptTitle="Grade 100% Scale" prompt="Here your grade is converted from your home scale to a 100% scale._x000a_" sqref="E12" xr:uid="{48558716-F9A0-43A0-8D8A-CEA67C5E42CC}"/>
    <dataValidation allowBlank="1" showInputMessage="1" showErrorMessage="1" promptTitle="Courses' description" prompt="Only insert the links if the webpage information is in English!_x000a_If the information is in your original language, then upload a PDF to DANS with the information translated" sqref="L14" xr:uid="{C6DC458D-7821-41F9-B907-55109F18CD68}"/>
    <dataValidation type="whole" allowBlank="1" showInputMessage="1" showErrorMessage="1" error="Only include major course contributions greater than or equal to 30% and only contributions where the subject(s) is being taught as distinguished from merely being used._x000a_Don't add the &quot;%&quot; symbol. Instead of 50% just write 50." sqref="F15:J69" xr:uid="{2A951AD3-7DF7-41F5-A211-2E7857AF2A41}">
      <formula1>30</formula1>
      <formula2>100</formula2>
    </dataValidation>
  </dataValidations>
  <hyperlinks>
    <hyperlink ref="F12" r:id="rId1" display="Mathematics a 01001 " xr:uid="{E1717F5F-340E-4BE3-A5ED-480937616002}"/>
    <hyperlink ref="G12" r:id="rId2" xr:uid="{4BCE0C28-B89D-4A3A-B53D-CFB7FC3885B0}"/>
    <hyperlink ref="I12" r:id="rId3" xr:uid="{10050FDF-967C-4668-A3E3-E40577DDD1E2}"/>
    <hyperlink ref="H12" r:id="rId4" xr:uid="{F87A04FB-6F23-405B-9232-92C39A338BEE}"/>
    <hyperlink ref="J12" r:id="rId5" display="Physics 10060" xr:uid="{1DEA1584-C775-474E-A42B-D74907E72D3A}"/>
  </hyperlinks>
  <pageMargins left="0.7" right="0.7" top="0.75" bottom="0.75" header="0.3" footer="0.3"/>
  <pageSetup scale="64" fitToHeight="0" orientation="landscape" horizontalDpi="1200" verticalDpi="1200"/>
  <drawing r:id="rId6"/>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1343CD-7A5B-460B-A169-319966A427E1}">
  <sheetPr>
    <tabColor rgb="FF00B050"/>
    <pageSetUpPr fitToPage="1"/>
  </sheetPr>
  <dimension ref="A1:Z112"/>
  <sheetViews>
    <sheetView showGridLines="0" zoomScaleNormal="100" workbookViewId="0">
      <selection activeCell="A7" sqref="A7:G7"/>
    </sheetView>
  </sheetViews>
  <sheetFormatPr defaultColWidth="9.140625" defaultRowHeight="14.25"/>
  <cols>
    <col min="1" max="1" width="61.85546875" style="17" customWidth="1"/>
    <col min="2" max="2" width="11" style="17" customWidth="1"/>
    <col min="3" max="3" width="10.85546875" style="17" customWidth="1"/>
    <col min="4" max="4" width="23" style="17" customWidth="1"/>
    <col min="5" max="5" width="10.140625" style="17" customWidth="1"/>
    <col min="6" max="6" width="8.140625" style="17" customWidth="1"/>
    <col min="7" max="7" width="9.28515625" style="17" customWidth="1"/>
    <col min="8" max="8" width="9.140625" style="17"/>
    <col min="9" max="9" width="1.28515625" style="17" customWidth="1"/>
    <col min="10" max="10" width="12.7109375" style="17" customWidth="1"/>
    <col min="11" max="11" width="47.42578125" style="17" customWidth="1"/>
    <col min="12" max="12" width="8.5703125" style="17" customWidth="1"/>
    <col min="13" max="13" width="10.5703125" style="17" customWidth="1"/>
    <col min="14" max="14" width="20.140625" style="17" customWidth="1"/>
    <col min="15" max="15" width="9.42578125" style="17" customWidth="1"/>
    <col min="16" max="16" width="52.140625" style="17" customWidth="1"/>
    <col min="17" max="17" width="27.7109375" style="17" customWidth="1"/>
    <col min="18" max="19" width="9.140625" style="17"/>
    <col min="20" max="20" width="50.7109375" style="17" bestFit="1" customWidth="1"/>
    <col min="21" max="21" width="8.42578125" style="17" bestFit="1" customWidth="1"/>
    <col min="22" max="25" width="9.140625" style="17"/>
    <col min="26" max="26" width="9.140625" style="18"/>
    <col min="27" max="16384" width="9.140625" style="17"/>
  </cols>
  <sheetData>
    <row r="1" spans="1:26" ht="15">
      <c r="J1"/>
      <c r="K1"/>
      <c r="L1"/>
    </row>
    <row r="2" spans="1:26" ht="15">
      <c r="J2"/>
      <c r="K2"/>
      <c r="L2"/>
    </row>
    <row r="3" spans="1:26" ht="25.5">
      <c r="A3" s="83" t="str">
        <f>GPA!A3</f>
        <v xml:space="preserve">              Pre-Mapping for the MSc programme in Sustainable Energy Systems</v>
      </c>
      <c r="B3" s="83"/>
      <c r="C3" s="83"/>
      <c r="D3" s="83"/>
      <c r="E3" s="83"/>
      <c r="F3" s="83"/>
      <c r="G3" s="83"/>
      <c r="I3" s="83"/>
      <c r="J3"/>
      <c r="K3"/>
      <c r="L3"/>
      <c r="M3" s="19"/>
      <c r="N3" s="19"/>
    </row>
    <row r="4" spans="1:26" ht="15" customHeight="1">
      <c r="A4" s="20"/>
      <c r="B4" s="20"/>
      <c r="C4" s="20"/>
      <c r="D4" s="20"/>
      <c r="E4" s="20"/>
      <c r="F4" s="20"/>
      <c r="G4" s="20"/>
      <c r="H4" s="20"/>
      <c r="I4" s="20"/>
      <c r="J4"/>
      <c r="K4"/>
      <c r="L4"/>
      <c r="M4" s="19"/>
      <c r="N4" s="19"/>
    </row>
    <row r="5" spans="1:26" ht="15" customHeight="1">
      <c r="A5" s="20"/>
      <c r="B5" s="20"/>
      <c r="C5" s="20"/>
      <c r="D5" s="20"/>
      <c r="E5" s="20"/>
      <c r="F5" s="20"/>
      <c r="G5" s="20"/>
      <c r="H5" s="20"/>
      <c r="I5" s="20"/>
      <c r="J5"/>
      <c r="K5"/>
      <c r="L5"/>
      <c r="M5" s="19"/>
      <c r="N5" s="19"/>
    </row>
    <row r="6" spans="1:26" ht="15" customHeight="1">
      <c r="A6" s="20"/>
      <c r="B6" s="20"/>
      <c r="C6" s="20"/>
      <c r="D6" s="20"/>
      <c r="E6" s="20"/>
      <c r="F6" s="20"/>
      <c r="G6" s="20"/>
      <c r="H6" s="20"/>
      <c r="I6" s="20"/>
      <c r="J6"/>
      <c r="K6"/>
      <c r="L6"/>
      <c r="M6" s="19"/>
      <c r="N6" s="19"/>
    </row>
    <row r="7" spans="1:26" ht="87.75" customHeight="1">
      <c r="A7" s="141" t="s">
        <v>566</v>
      </c>
      <c r="B7" s="141"/>
      <c r="C7" s="141"/>
      <c r="D7" s="141"/>
      <c r="E7" s="141"/>
      <c r="F7" s="141"/>
      <c r="G7" s="141"/>
      <c r="H7"/>
      <c r="I7"/>
      <c r="J7"/>
      <c r="K7"/>
      <c r="L7"/>
      <c r="M7"/>
      <c r="N7"/>
      <c r="O7"/>
      <c r="P7"/>
    </row>
    <row r="8" spans="1:26" customFormat="1" ht="15" customHeight="1">
      <c r="Z8" s="21"/>
    </row>
    <row r="9" spans="1:26" s="19" customFormat="1" ht="15">
      <c r="A9" s="17"/>
      <c r="J9"/>
      <c r="K9"/>
      <c r="L9"/>
      <c r="Z9" s="74" t="s">
        <v>16</v>
      </c>
    </row>
    <row r="10" spans="1:26" ht="16.5" customHeight="1">
      <c r="A10" s="47" t="s">
        <v>542</v>
      </c>
      <c r="C10" s="24"/>
      <c r="F10" s="41"/>
      <c r="G10" s="41"/>
      <c r="H10" s="48"/>
      <c r="J10"/>
      <c r="K10"/>
      <c r="L10"/>
      <c r="Z10" s="74" t="s">
        <v>17</v>
      </c>
    </row>
    <row r="11" spans="1:26" ht="15" customHeight="1">
      <c r="A11"/>
      <c r="B11"/>
      <c r="C11"/>
      <c r="D11"/>
      <c r="E11"/>
      <c r="F11"/>
      <c r="G11"/>
      <c r="J11"/>
      <c r="K11"/>
      <c r="L11"/>
      <c r="N11" s="74" t="s">
        <v>18</v>
      </c>
      <c r="S11" s="21" t="s">
        <v>18</v>
      </c>
      <c r="Z11" s="17"/>
    </row>
    <row r="12" spans="1:26" ht="27.75" customHeight="1">
      <c r="A12" s="86" t="s">
        <v>537</v>
      </c>
      <c r="B12" s="86" t="s">
        <v>538</v>
      </c>
      <c r="C12" s="86"/>
      <c r="D12" s="86"/>
      <c r="E12" s="135" t="s">
        <v>564</v>
      </c>
      <c r="F12" s="135" t="s">
        <v>565</v>
      </c>
      <c r="G12" s="86" t="s">
        <v>539</v>
      </c>
      <c r="H12" s="19"/>
      <c r="I12" s="19"/>
      <c r="J12"/>
      <c r="K12"/>
      <c r="L12"/>
      <c r="M12" s="21" t="s">
        <v>19</v>
      </c>
      <c r="Z12" s="17"/>
    </row>
    <row r="13" spans="1:26" ht="15">
      <c r="A13" s="155" t="s">
        <v>554</v>
      </c>
      <c r="B13" s="150"/>
      <c r="C13" s="151"/>
      <c r="D13" s="152"/>
      <c r="E13" s="96"/>
      <c r="F13" s="96"/>
      <c r="G13" s="98"/>
      <c r="J13"/>
      <c r="K13"/>
      <c r="L13"/>
      <c r="M13" s="19"/>
      <c r="N13" s="21" t="s">
        <v>20</v>
      </c>
      <c r="Z13" s="17"/>
    </row>
    <row r="14" spans="1:26" ht="15">
      <c r="A14" s="156"/>
      <c r="B14" s="143"/>
      <c r="C14" s="144"/>
      <c r="D14" s="145"/>
      <c r="E14" s="72"/>
      <c r="F14" s="72"/>
      <c r="G14" s="99"/>
      <c r="K14" s="19"/>
      <c r="L14" s="19"/>
      <c r="M14" s="21" t="s">
        <v>21</v>
      </c>
      <c r="Z14" s="17"/>
    </row>
    <row r="15" spans="1:26" ht="14.45" customHeight="1">
      <c r="A15" s="156"/>
      <c r="B15" s="143"/>
      <c r="C15" s="144"/>
      <c r="D15" s="145"/>
      <c r="E15" s="72"/>
      <c r="F15" s="72"/>
      <c r="G15" s="99"/>
      <c r="K15" s="19"/>
      <c r="L15" s="19"/>
      <c r="M15" s="21" t="s">
        <v>22</v>
      </c>
      <c r="Z15" s="17"/>
    </row>
    <row r="16" spans="1:26" ht="15">
      <c r="A16" s="156"/>
      <c r="B16" s="143"/>
      <c r="C16" s="144"/>
      <c r="D16" s="145"/>
      <c r="E16" s="72"/>
      <c r="F16" s="72"/>
      <c r="G16" s="99"/>
      <c r="K16" s="19"/>
      <c r="L16" s="19"/>
      <c r="M16" s="21" t="s">
        <v>23</v>
      </c>
      <c r="Z16" s="17"/>
    </row>
    <row r="17" spans="1:26" ht="15">
      <c r="A17" s="156"/>
      <c r="B17" s="143"/>
      <c r="C17" s="144"/>
      <c r="D17" s="145"/>
      <c r="E17" s="72"/>
      <c r="F17" s="72"/>
      <c r="G17" s="99"/>
      <c r="K17" s="19"/>
      <c r="L17" s="19"/>
      <c r="M17" s="21" t="s">
        <v>24</v>
      </c>
      <c r="Z17" s="17"/>
    </row>
    <row r="18" spans="1:26" ht="15">
      <c r="A18" s="156"/>
      <c r="B18" s="143"/>
      <c r="C18" s="144"/>
      <c r="D18" s="145"/>
      <c r="E18" s="72"/>
      <c r="F18" s="72"/>
      <c r="G18" s="99"/>
      <c r="K18" s="19"/>
      <c r="L18" s="19"/>
      <c r="M18" s="21" t="s">
        <v>25</v>
      </c>
      <c r="Z18" s="17"/>
    </row>
    <row r="19" spans="1:26" ht="15">
      <c r="A19" s="156"/>
      <c r="B19" s="143"/>
      <c r="C19" s="144"/>
      <c r="D19" s="145"/>
      <c r="E19" s="72"/>
      <c r="F19" s="72"/>
      <c r="G19" s="99"/>
      <c r="K19" s="19"/>
      <c r="L19" s="19"/>
      <c r="M19" s="21" t="s">
        <v>26</v>
      </c>
      <c r="Z19" s="17"/>
    </row>
    <row r="20" spans="1:26" ht="15">
      <c r="A20" s="156"/>
      <c r="B20" s="143"/>
      <c r="C20" s="144"/>
      <c r="D20" s="145"/>
      <c r="E20" s="72"/>
      <c r="F20" s="72"/>
      <c r="G20" s="99"/>
      <c r="K20" s="19"/>
      <c r="L20" s="19"/>
      <c r="M20" s="21" t="s">
        <v>27</v>
      </c>
      <c r="Z20" s="17"/>
    </row>
    <row r="21" spans="1:26" ht="15">
      <c r="A21" s="156"/>
      <c r="B21" s="143"/>
      <c r="C21" s="144"/>
      <c r="D21" s="145"/>
      <c r="E21" s="72"/>
      <c r="F21" s="72"/>
      <c r="G21" s="99"/>
      <c r="K21" s="19"/>
      <c r="L21" s="19"/>
      <c r="M21" s="21" t="s">
        <v>28</v>
      </c>
      <c r="Z21" s="17"/>
    </row>
    <row r="22" spans="1:26" ht="15">
      <c r="A22" s="157"/>
      <c r="B22" s="147"/>
      <c r="C22" s="148"/>
      <c r="D22" s="149"/>
      <c r="E22" s="97"/>
      <c r="F22" s="97"/>
      <c r="G22" s="100"/>
      <c r="K22" s="19"/>
      <c r="L22" s="19"/>
      <c r="M22" s="21" t="s">
        <v>29</v>
      </c>
      <c r="Z22" s="17"/>
    </row>
    <row r="23" spans="1:26" ht="15">
      <c r="A23" s="154" t="s">
        <v>555</v>
      </c>
      <c r="B23" s="150"/>
      <c r="C23" s="151"/>
      <c r="D23" s="152"/>
      <c r="E23" s="95"/>
      <c r="F23" s="95"/>
      <c r="G23" s="101"/>
      <c r="K23" s="19"/>
      <c r="L23" s="19"/>
      <c r="M23" s="21" t="s">
        <v>30</v>
      </c>
      <c r="Z23" s="17"/>
    </row>
    <row r="24" spans="1:26" ht="15">
      <c r="A24" s="154"/>
      <c r="B24" s="143"/>
      <c r="C24" s="144"/>
      <c r="D24" s="145"/>
      <c r="E24" s="72"/>
      <c r="F24" s="72"/>
      <c r="G24" s="99"/>
      <c r="K24" s="19"/>
      <c r="L24" s="19"/>
      <c r="M24" s="21" t="s">
        <v>31</v>
      </c>
      <c r="Z24" s="17"/>
    </row>
    <row r="25" spans="1:26" ht="15">
      <c r="A25" s="154"/>
      <c r="B25" s="143"/>
      <c r="C25" s="144"/>
      <c r="D25" s="145"/>
      <c r="E25" s="72"/>
      <c r="F25" s="72"/>
      <c r="G25" s="99"/>
      <c r="K25" s="19"/>
      <c r="L25" s="19"/>
      <c r="M25" s="21" t="s">
        <v>32</v>
      </c>
      <c r="Z25" s="17"/>
    </row>
    <row r="26" spans="1:26" ht="15">
      <c r="A26" s="154"/>
      <c r="B26" s="143"/>
      <c r="C26" s="144"/>
      <c r="D26" s="145"/>
      <c r="E26" s="72"/>
      <c r="F26" s="72"/>
      <c r="G26" s="99"/>
      <c r="K26" s="19"/>
      <c r="L26" s="19"/>
      <c r="M26" s="21" t="s">
        <v>33</v>
      </c>
      <c r="Z26" s="17"/>
    </row>
    <row r="27" spans="1:26" ht="15">
      <c r="A27" s="154"/>
      <c r="B27" s="143"/>
      <c r="C27" s="144"/>
      <c r="D27" s="145"/>
      <c r="E27" s="72"/>
      <c r="F27" s="72"/>
      <c r="G27" s="99"/>
      <c r="K27" s="19"/>
      <c r="L27" s="19"/>
      <c r="M27" s="21" t="s">
        <v>34</v>
      </c>
      <c r="Z27" s="17"/>
    </row>
    <row r="28" spans="1:26" ht="15">
      <c r="A28" s="154"/>
      <c r="B28" s="143"/>
      <c r="C28" s="144"/>
      <c r="D28" s="145"/>
      <c r="E28" s="72"/>
      <c r="F28" s="72"/>
      <c r="G28" s="99"/>
      <c r="K28" s="19"/>
      <c r="L28" s="19"/>
      <c r="M28" s="21" t="s">
        <v>35</v>
      </c>
      <c r="Z28" s="17"/>
    </row>
    <row r="29" spans="1:26" ht="15">
      <c r="A29" s="154"/>
      <c r="B29" s="143"/>
      <c r="C29" s="144"/>
      <c r="D29" s="145"/>
      <c r="E29" s="72"/>
      <c r="F29" s="72"/>
      <c r="G29" s="99"/>
      <c r="K29" s="19"/>
      <c r="L29" s="19"/>
      <c r="M29" s="21" t="s">
        <v>36</v>
      </c>
      <c r="Z29" s="17"/>
    </row>
    <row r="30" spans="1:26" ht="15">
      <c r="A30" s="154"/>
      <c r="B30" s="143"/>
      <c r="C30" s="144"/>
      <c r="D30" s="145"/>
      <c r="E30" s="72"/>
      <c r="F30" s="72"/>
      <c r="G30" s="99"/>
      <c r="K30" s="19"/>
      <c r="L30" s="19"/>
      <c r="M30" s="21" t="s">
        <v>37</v>
      </c>
      <c r="Z30" s="17"/>
    </row>
    <row r="31" spans="1:26" ht="15">
      <c r="A31" s="154"/>
      <c r="B31" s="143"/>
      <c r="C31" s="144"/>
      <c r="D31" s="145"/>
      <c r="E31" s="72"/>
      <c r="F31" s="72"/>
      <c r="G31" s="99"/>
      <c r="K31" s="19"/>
      <c r="L31" s="19"/>
      <c r="M31" s="21" t="s">
        <v>38</v>
      </c>
      <c r="Z31" s="17"/>
    </row>
    <row r="32" spans="1:26" ht="15">
      <c r="A32" s="154"/>
      <c r="B32" s="147"/>
      <c r="C32" s="148"/>
      <c r="D32" s="149"/>
      <c r="E32" s="94"/>
      <c r="F32" s="94"/>
      <c r="G32" s="102"/>
      <c r="K32" s="19"/>
      <c r="L32" s="19"/>
      <c r="M32" s="21" t="s">
        <v>39</v>
      </c>
      <c r="Z32" s="17"/>
    </row>
    <row r="33" spans="1:26" ht="15" customHeight="1">
      <c r="A33" s="153" t="s">
        <v>556</v>
      </c>
      <c r="B33" s="150"/>
      <c r="C33" s="151"/>
      <c r="D33" s="152"/>
      <c r="E33" s="96"/>
      <c r="F33" s="96"/>
      <c r="G33" s="98"/>
      <c r="K33" s="19"/>
      <c r="L33" s="19"/>
      <c r="M33" s="21" t="s">
        <v>40</v>
      </c>
      <c r="Z33" s="17"/>
    </row>
    <row r="34" spans="1:26" ht="15" customHeight="1">
      <c r="A34" s="154"/>
      <c r="B34" s="143"/>
      <c r="C34" s="144"/>
      <c r="D34" s="145"/>
      <c r="E34" s="72"/>
      <c r="F34" s="72"/>
      <c r="G34" s="99"/>
      <c r="K34" s="19"/>
      <c r="L34" s="19"/>
      <c r="M34" s="21" t="s">
        <v>41</v>
      </c>
      <c r="Z34" s="17"/>
    </row>
    <row r="35" spans="1:26" ht="15" customHeight="1">
      <c r="A35" s="154"/>
      <c r="B35" s="143"/>
      <c r="C35" s="144"/>
      <c r="D35" s="145"/>
      <c r="E35" s="72"/>
      <c r="F35" s="72"/>
      <c r="G35" s="99"/>
      <c r="K35" s="19"/>
      <c r="L35" s="19"/>
      <c r="M35" s="21" t="s">
        <v>42</v>
      </c>
      <c r="Z35" s="17"/>
    </row>
    <row r="36" spans="1:26" ht="15" customHeight="1">
      <c r="A36" s="154"/>
      <c r="B36" s="143"/>
      <c r="C36" s="144"/>
      <c r="D36" s="145"/>
      <c r="E36" s="72"/>
      <c r="F36" s="72"/>
      <c r="G36" s="99"/>
      <c r="M36" s="21" t="s">
        <v>43</v>
      </c>
      <c r="Z36" s="17"/>
    </row>
    <row r="37" spans="1:26" ht="15" customHeight="1">
      <c r="A37" s="154"/>
      <c r="B37" s="143"/>
      <c r="C37" s="144"/>
      <c r="D37" s="145"/>
      <c r="E37" s="72"/>
      <c r="F37" s="72"/>
      <c r="G37" s="99"/>
      <c r="M37" s="21" t="s">
        <v>44</v>
      </c>
      <c r="Z37" s="17"/>
    </row>
    <row r="38" spans="1:26" ht="15" customHeight="1">
      <c r="A38" s="154"/>
      <c r="B38" s="143"/>
      <c r="C38" s="144"/>
      <c r="D38" s="145"/>
      <c r="E38" s="72"/>
      <c r="F38" s="72"/>
      <c r="G38" s="99"/>
      <c r="M38" s="21" t="s">
        <v>45</v>
      </c>
      <c r="Z38" s="17"/>
    </row>
    <row r="39" spans="1:26" ht="15" customHeight="1">
      <c r="A39" s="154"/>
      <c r="B39" s="143"/>
      <c r="C39" s="144"/>
      <c r="D39" s="145"/>
      <c r="E39" s="72"/>
      <c r="F39" s="72"/>
      <c r="G39" s="99"/>
      <c r="M39" s="21" t="s">
        <v>46</v>
      </c>
      <c r="Z39" s="17"/>
    </row>
    <row r="40" spans="1:26" ht="15" customHeight="1">
      <c r="A40" s="154"/>
      <c r="B40" s="143"/>
      <c r="C40" s="144"/>
      <c r="D40" s="145"/>
      <c r="E40" s="72"/>
      <c r="F40" s="72"/>
      <c r="G40" s="99"/>
      <c r="M40" s="21" t="s">
        <v>47</v>
      </c>
      <c r="Z40" s="17"/>
    </row>
    <row r="41" spans="1:26" ht="15" customHeight="1">
      <c r="A41" s="154"/>
      <c r="B41" s="143"/>
      <c r="C41" s="144"/>
      <c r="D41" s="145"/>
      <c r="E41" s="72"/>
      <c r="F41" s="72"/>
      <c r="G41" s="99"/>
      <c r="M41" s="21" t="s">
        <v>48</v>
      </c>
      <c r="Z41" s="17"/>
    </row>
    <row r="42" spans="1:26" ht="15" customHeight="1">
      <c r="A42" s="154"/>
      <c r="B42" s="147"/>
      <c r="C42" s="148"/>
      <c r="D42" s="149"/>
      <c r="E42" s="94"/>
      <c r="F42" s="94"/>
      <c r="G42" s="102"/>
      <c r="M42" s="21" t="s">
        <v>49</v>
      </c>
      <c r="Z42" s="17"/>
    </row>
    <row r="43" spans="1:26" ht="15">
      <c r="A43" s="153" t="s">
        <v>557</v>
      </c>
      <c r="B43" s="150"/>
      <c r="C43" s="151"/>
      <c r="D43" s="152"/>
      <c r="E43" s="96"/>
      <c r="F43" s="96"/>
      <c r="G43" s="98"/>
      <c r="M43" s="21"/>
      <c r="Z43" s="17"/>
    </row>
    <row r="44" spans="1:26" ht="15" customHeight="1">
      <c r="A44" s="154"/>
      <c r="B44" s="143"/>
      <c r="C44" s="144"/>
      <c r="D44" s="145"/>
      <c r="E44" s="72"/>
      <c r="F44" s="72"/>
      <c r="G44" s="99"/>
      <c r="M44" s="21"/>
      <c r="Z44" s="17"/>
    </row>
    <row r="45" spans="1:26" ht="15">
      <c r="A45" s="154"/>
      <c r="B45" s="143"/>
      <c r="C45" s="144"/>
      <c r="D45" s="145"/>
      <c r="E45" s="72"/>
      <c r="F45" s="72"/>
      <c r="G45" s="99"/>
      <c r="M45" s="21"/>
      <c r="Z45" s="17"/>
    </row>
    <row r="46" spans="1:26" ht="15">
      <c r="A46" s="154"/>
      <c r="B46" s="143"/>
      <c r="C46" s="144"/>
      <c r="D46" s="145"/>
      <c r="E46" s="72"/>
      <c r="F46" s="72"/>
      <c r="G46" s="99"/>
      <c r="M46" s="21"/>
      <c r="Z46" s="17"/>
    </row>
    <row r="47" spans="1:26" ht="15">
      <c r="A47" s="154"/>
      <c r="B47" s="143"/>
      <c r="C47" s="144"/>
      <c r="D47" s="145"/>
      <c r="E47" s="72"/>
      <c r="F47" s="72"/>
      <c r="G47" s="99"/>
      <c r="M47" s="21"/>
      <c r="Z47" s="17"/>
    </row>
    <row r="48" spans="1:26" ht="15">
      <c r="A48" s="154"/>
      <c r="B48" s="143"/>
      <c r="C48" s="144"/>
      <c r="D48" s="145"/>
      <c r="E48" s="72"/>
      <c r="F48" s="72"/>
      <c r="G48" s="99"/>
      <c r="M48" s="21"/>
      <c r="Z48" s="17"/>
    </row>
    <row r="49" spans="1:26" ht="15">
      <c r="A49" s="154"/>
      <c r="B49" s="143"/>
      <c r="C49" s="144"/>
      <c r="D49" s="145"/>
      <c r="E49" s="72"/>
      <c r="F49" s="72"/>
      <c r="G49" s="99"/>
      <c r="M49" s="21"/>
      <c r="Z49" s="17"/>
    </row>
    <row r="50" spans="1:26" ht="15">
      <c r="A50" s="154"/>
      <c r="B50" s="143"/>
      <c r="C50" s="144"/>
      <c r="D50" s="145"/>
      <c r="E50" s="72"/>
      <c r="F50" s="72"/>
      <c r="G50" s="99"/>
      <c r="M50" s="21"/>
      <c r="Z50" s="17"/>
    </row>
    <row r="51" spans="1:26" ht="15">
      <c r="A51" s="154"/>
      <c r="B51" s="143"/>
      <c r="C51" s="144"/>
      <c r="D51" s="145"/>
      <c r="E51" s="72"/>
      <c r="F51" s="72"/>
      <c r="G51" s="99"/>
      <c r="M51" s="21"/>
      <c r="Z51" s="17"/>
    </row>
    <row r="52" spans="1:26" ht="15">
      <c r="A52" s="154"/>
      <c r="B52" s="147"/>
      <c r="C52" s="148"/>
      <c r="D52" s="149"/>
      <c r="E52" s="94"/>
      <c r="F52" s="94"/>
      <c r="G52" s="102"/>
      <c r="M52" s="21"/>
      <c r="Z52" s="17"/>
    </row>
    <row r="53" spans="1:26" ht="15" customHeight="1">
      <c r="A53" s="153" t="s">
        <v>570</v>
      </c>
      <c r="B53" s="150"/>
      <c r="C53" s="151"/>
      <c r="D53" s="152"/>
      <c r="E53" s="96"/>
      <c r="F53" s="96"/>
      <c r="G53" s="98"/>
      <c r="N53" s="21" t="s">
        <v>50</v>
      </c>
      <c r="Z53" s="17"/>
    </row>
    <row r="54" spans="1:26" ht="15" customHeight="1">
      <c r="A54" s="154"/>
      <c r="B54" s="143"/>
      <c r="C54" s="144"/>
      <c r="D54" s="145"/>
      <c r="E54" s="72"/>
      <c r="F54" s="72"/>
      <c r="G54" s="99"/>
      <c r="M54" s="21" t="s">
        <v>171</v>
      </c>
      <c r="Z54" s="17"/>
    </row>
    <row r="55" spans="1:26" ht="15" customHeight="1">
      <c r="A55" s="154"/>
      <c r="B55" s="143"/>
      <c r="C55" s="144"/>
      <c r="D55" s="145"/>
      <c r="E55" s="72"/>
      <c r="F55" s="72"/>
      <c r="G55" s="99"/>
      <c r="N55" s="74" t="s">
        <v>172</v>
      </c>
      <c r="S55" s="21" t="s">
        <v>172</v>
      </c>
      <c r="Z55" s="17"/>
    </row>
    <row r="56" spans="1:26" ht="15" customHeight="1">
      <c r="A56" s="154"/>
      <c r="B56" s="143"/>
      <c r="C56" s="144"/>
      <c r="D56" s="145"/>
      <c r="E56" s="72"/>
      <c r="F56" s="72"/>
      <c r="G56" s="99"/>
      <c r="N56" s="74" t="s">
        <v>173</v>
      </c>
      <c r="S56" s="21" t="s">
        <v>173</v>
      </c>
      <c r="Z56" s="17"/>
    </row>
    <row r="57" spans="1:26" ht="15" customHeight="1">
      <c r="A57" s="154"/>
      <c r="B57" s="143"/>
      <c r="C57" s="144"/>
      <c r="D57" s="145"/>
      <c r="E57" s="72"/>
      <c r="F57" s="72"/>
      <c r="G57" s="99"/>
      <c r="N57" s="74" t="s">
        <v>174</v>
      </c>
      <c r="S57" s="21" t="s">
        <v>174</v>
      </c>
      <c r="Z57" s="17"/>
    </row>
    <row r="58" spans="1:26" ht="15" customHeight="1">
      <c r="A58" s="154"/>
      <c r="B58" s="143"/>
      <c r="C58" s="144"/>
      <c r="D58" s="145"/>
      <c r="E58" s="72"/>
      <c r="F58" s="72"/>
      <c r="G58" s="99"/>
      <c r="N58" s="74" t="s">
        <v>175</v>
      </c>
      <c r="S58" s="21" t="s">
        <v>175</v>
      </c>
      <c r="Z58" s="17"/>
    </row>
    <row r="59" spans="1:26" ht="15" customHeight="1">
      <c r="A59" s="154"/>
      <c r="B59" s="143"/>
      <c r="C59" s="144"/>
      <c r="D59" s="145"/>
      <c r="E59" s="72"/>
      <c r="F59" s="72"/>
      <c r="G59" s="99"/>
      <c r="N59" s="74" t="s">
        <v>176</v>
      </c>
      <c r="S59" s="21" t="s">
        <v>176</v>
      </c>
      <c r="Z59" s="17"/>
    </row>
    <row r="60" spans="1:26" ht="15" customHeight="1">
      <c r="A60" s="154"/>
      <c r="B60" s="143"/>
      <c r="C60" s="144"/>
      <c r="D60" s="145"/>
      <c r="E60" s="72"/>
      <c r="F60" s="72"/>
      <c r="G60" s="99"/>
      <c r="N60" s="74" t="s">
        <v>177</v>
      </c>
      <c r="S60" s="21" t="s">
        <v>177</v>
      </c>
      <c r="Z60" s="17"/>
    </row>
    <row r="61" spans="1:26" ht="15" customHeight="1">
      <c r="A61" s="154"/>
      <c r="B61" s="143"/>
      <c r="C61" s="144"/>
      <c r="D61" s="145"/>
      <c r="E61" s="72"/>
      <c r="F61" s="72"/>
      <c r="G61" s="99"/>
      <c r="N61" s="74" t="s">
        <v>178</v>
      </c>
      <c r="S61" s="21" t="s">
        <v>178</v>
      </c>
      <c r="Z61" s="17"/>
    </row>
    <row r="62" spans="1:26" ht="15" customHeight="1">
      <c r="A62" s="154"/>
      <c r="B62" s="147"/>
      <c r="C62" s="148"/>
      <c r="D62" s="149"/>
      <c r="E62" s="94"/>
      <c r="F62" s="94"/>
      <c r="G62" s="102"/>
      <c r="N62" s="74" t="s">
        <v>179</v>
      </c>
      <c r="S62" s="21" t="s">
        <v>179</v>
      </c>
      <c r="Z62" s="17"/>
    </row>
    <row r="63" spans="1:26" ht="15">
      <c r="A63" s="155" t="s">
        <v>558</v>
      </c>
      <c r="B63" s="150"/>
      <c r="C63" s="151"/>
      <c r="D63" s="152"/>
      <c r="E63" s="96"/>
      <c r="F63" s="96"/>
      <c r="G63" s="98"/>
      <c r="N63" s="74" t="s">
        <v>180</v>
      </c>
      <c r="S63" s="21" t="s">
        <v>180</v>
      </c>
      <c r="Z63" s="17"/>
    </row>
    <row r="64" spans="1:26" ht="15">
      <c r="A64" s="156"/>
      <c r="B64" s="143"/>
      <c r="C64" s="144"/>
      <c r="D64" s="145"/>
      <c r="E64" s="72"/>
      <c r="F64" s="72"/>
      <c r="G64" s="99"/>
      <c r="N64" s="74" t="s">
        <v>181</v>
      </c>
      <c r="S64" s="21" t="s">
        <v>181</v>
      </c>
      <c r="Z64" s="17"/>
    </row>
    <row r="65" spans="1:26" ht="15">
      <c r="A65" s="156"/>
      <c r="B65" s="143"/>
      <c r="C65" s="144"/>
      <c r="D65" s="145"/>
      <c r="E65" s="72"/>
      <c r="F65" s="72"/>
      <c r="G65" s="99"/>
      <c r="N65" s="74" t="s">
        <v>182</v>
      </c>
      <c r="S65" s="21" t="s">
        <v>182</v>
      </c>
      <c r="Z65" s="17"/>
    </row>
    <row r="66" spans="1:26" ht="15">
      <c r="A66" s="156"/>
      <c r="B66" s="143"/>
      <c r="C66" s="144"/>
      <c r="D66" s="145"/>
      <c r="E66" s="72"/>
      <c r="F66" s="72"/>
      <c r="G66" s="99"/>
      <c r="N66" s="74" t="s">
        <v>183</v>
      </c>
      <c r="S66" s="21" t="s">
        <v>183</v>
      </c>
      <c r="Z66" s="17"/>
    </row>
    <row r="67" spans="1:26" ht="15">
      <c r="A67" s="156"/>
      <c r="B67" s="143"/>
      <c r="C67" s="144"/>
      <c r="D67" s="145"/>
      <c r="E67" s="72"/>
      <c r="F67" s="72"/>
      <c r="G67" s="99"/>
      <c r="N67" s="74" t="s">
        <v>184</v>
      </c>
      <c r="S67" s="21" t="s">
        <v>184</v>
      </c>
      <c r="Z67" s="17"/>
    </row>
    <row r="68" spans="1:26" ht="15">
      <c r="A68" s="156"/>
      <c r="B68" s="143"/>
      <c r="C68" s="144"/>
      <c r="D68" s="145"/>
      <c r="E68" s="72"/>
      <c r="F68" s="72"/>
      <c r="G68" s="99"/>
      <c r="N68" s="74" t="s">
        <v>185</v>
      </c>
      <c r="S68" s="21" t="s">
        <v>185</v>
      </c>
      <c r="Z68" s="17"/>
    </row>
    <row r="69" spans="1:26" ht="15">
      <c r="A69" s="156"/>
      <c r="B69" s="143"/>
      <c r="C69" s="144"/>
      <c r="D69" s="145"/>
      <c r="E69" s="72"/>
      <c r="F69" s="72"/>
      <c r="G69" s="99"/>
      <c r="N69" s="74" t="s">
        <v>186</v>
      </c>
      <c r="S69" s="21" t="s">
        <v>186</v>
      </c>
      <c r="Z69" s="17"/>
    </row>
    <row r="70" spans="1:26" ht="15">
      <c r="A70" s="156"/>
      <c r="B70" s="143"/>
      <c r="C70" s="144"/>
      <c r="D70" s="145"/>
      <c r="E70" s="72"/>
      <c r="F70" s="72"/>
      <c r="G70" s="99"/>
      <c r="N70" s="74" t="s">
        <v>187</v>
      </c>
      <c r="S70" s="21" t="s">
        <v>187</v>
      </c>
      <c r="Z70" s="17"/>
    </row>
    <row r="71" spans="1:26" ht="15">
      <c r="A71" s="156"/>
      <c r="B71" s="143"/>
      <c r="C71" s="144"/>
      <c r="D71" s="145"/>
      <c r="E71" s="72"/>
      <c r="F71" s="72"/>
      <c r="G71" s="99"/>
      <c r="N71" s="74" t="s">
        <v>188</v>
      </c>
      <c r="S71" s="21" t="s">
        <v>188</v>
      </c>
      <c r="Z71" s="17"/>
    </row>
    <row r="72" spans="1:26" ht="15">
      <c r="A72" s="157"/>
      <c r="B72" s="147"/>
      <c r="C72" s="148"/>
      <c r="D72" s="149"/>
      <c r="E72" s="97"/>
      <c r="F72" s="97"/>
      <c r="G72" s="100"/>
      <c r="N72" s="74" t="s">
        <v>189</v>
      </c>
      <c r="S72" s="21" t="s">
        <v>189</v>
      </c>
      <c r="Z72" s="17"/>
    </row>
    <row r="73" spans="1:26" ht="15">
      <c r="A73" s="155" t="s">
        <v>559</v>
      </c>
      <c r="B73" s="150"/>
      <c r="C73" s="151"/>
      <c r="D73" s="152"/>
      <c r="E73" s="96"/>
      <c r="F73" s="98"/>
      <c r="G73" s="98"/>
      <c r="N73" s="74" t="s">
        <v>190</v>
      </c>
      <c r="S73" s="21" t="s">
        <v>190</v>
      </c>
      <c r="Z73" s="17"/>
    </row>
    <row r="74" spans="1:26" ht="15">
      <c r="A74" s="156"/>
      <c r="B74" s="143"/>
      <c r="C74" s="144"/>
      <c r="D74" s="145"/>
      <c r="E74" s="72"/>
      <c r="F74" s="99"/>
      <c r="G74" s="99"/>
      <c r="N74" s="74" t="s">
        <v>191</v>
      </c>
      <c r="S74" s="21" t="s">
        <v>191</v>
      </c>
      <c r="Z74" s="17"/>
    </row>
    <row r="75" spans="1:26" ht="15">
      <c r="A75" s="156"/>
      <c r="B75" s="143"/>
      <c r="C75" s="144"/>
      <c r="D75" s="145"/>
      <c r="E75" s="72"/>
      <c r="F75" s="99"/>
      <c r="G75" s="99"/>
      <c r="Z75" s="74" t="s">
        <v>222</v>
      </c>
    </row>
    <row r="76" spans="1:26" ht="15">
      <c r="A76" s="156"/>
      <c r="B76" s="143"/>
      <c r="C76" s="144"/>
      <c r="D76" s="145"/>
      <c r="E76" s="72"/>
      <c r="F76" s="99"/>
      <c r="G76" s="99"/>
      <c r="H76" s="19"/>
      <c r="I76" s="19"/>
      <c r="J76" s="19"/>
      <c r="Z76" s="74" t="s">
        <v>223</v>
      </c>
    </row>
    <row r="77" spans="1:26" ht="15">
      <c r="A77" s="156"/>
      <c r="B77" s="143"/>
      <c r="C77" s="144"/>
      <c r="D77" s="145"/>
      <c r="E77" s="72"/>
      <c r="F77" s="99"/>
      <c r="G77" s="99"/>
      <c r="H77" s="19"/>
      <c r="I77" s="19"/>
      <c r="J77" s="19"/>
      <c r="K77" s="19"/>
      <c r="Z77" s="74" t="s">
        <v>224</v>
      </c>
    </row>
    <row r="78" spans="1:26" ht="15">
      <c r="A78" s="156"/>
      <c r="B78" s="143"/>
      <c r="C78" s="144"/>
      <c r="D78" s="145"/>
      <c r="E78" s="72"/>
      <c r="F78" s="99"/>
      <c r="G78" s="99"/>
      <c r="H78" s="19"/>
      <c r="I78" s="19"/>
      <c r="J78" s="19"/>
      <c r="K78" s="19"/>
      <c r="Z78" s="74" t="s">
        <v>225</v>
      </c>
    </row>
    <row r="79" spans="1:26" ht="15">
      <c r="A79" s="156"/>
      <c r="B79" s="143"/>
      <c r="C79" s="144"/>
      <c r="D79" s="145"/>
      <c r="E79" s="72"/>
      <c r="F79" s="99"/>
      <c r="G79" s="99"/>
      <c r="H79" s="19"/>
      <c r="I79" s="19"/>
      <c r="J79" s="19"/>
      <c r="Z79" s="74" t="s">
        <v>226</v>
      </c>
    </row>
    <row r="80" spans="1:26" ht="15">
      <c r="A80" s="156"/>
      <c r="B80" s="143"/>
      <c r="C80" s="144"/>
      <c r="D80" s="145"/>
      <c r="E80" s="72"/>
      <c r="F80" s="99"/>
      <c r="G80" s="99"/>
      <c r="Z80" s="74" t="s">
        <v>227</v>
      </c>
    </row>
    <row r="81" spans="1:26" ht="15">
      <c r="A81" s="156"/>
      <c r="B81" s="143"/>
      <c r="C81" s="144"/>
      <c r="D81" s="145"/>
      <c r="E81" s="72"/>
      <c r="F81" s="99"/>
      <c r="G81" s="99"/>
      <c r="Z81" s="74" t="s">
        <v>228</v>
      </c>
    </row>
    <row r="82" spans="1:26" ht="15">
      <c r="A82" s="157"/>
      <c r="B82" s="147"/>
      <c r="C82" s="148"/>
      <c r="D82" s="149"/>
      <c r="E82" s="97"/>
      <c r="F82" s="100"/>
      <c r="G82" s="100"/>
      <c r="Z82" s="74" t="s">
        <v>229</v>
      </c>
    </row>
    <row r="83" spans="1:26" ht="15">
      <c r="A83" s="155" t="s">
        <v>560</v>
      </c>
      <c r="B83" s="150"/>
      <c r="C83" s="151"/>
      <c r="D83" s="152"/>
      <c r="E83" s="96"/>
      <c r="F83" s="98"/>
      <c r="G83" s="98"/>
      <c r="Z83" s="74" t="s">
        <v>230</v>
      </c>
    </row>
    <row r="84" spans="1:26" ht="15">
      <c r="A84" s="156"/>
      <c r="B84" s="143"/>
      <c r="C84" s="144"/>
      <c r="D84" s="145"/>
      <c r="E84" s="72"/>
      <c r="F84" s="99"/>
      <c r="G84" s="99"/>
      <c r="Z84" s="74" t="s">
        <v>231</v>
      </c>
    </row>
    <row r="85" spans="1:26" ht="15">
      <c r="A85" s="156"/>
      <c r="B85" s="143"/>
      <c r="C85" s="144"/>
      <c r="D85" s="145"/>
      <c r="E85" s="72"/>
      <c r="F85" s="99"/>
      <c r="G85" s="99"/>
      <c r="Z85" s="74" t="s">
        <v>232</v>
      </c>
    </row>
    <row r="86" spans="1:26" ht="15">
      <c r="A86" s="156"/>
      <c r="B86" s="143"/>
      <c r="C86" s="144"/>
      <c r="D86" s="145"/>
      <c r="E86" s="72"/>
      <c r="F86" s="99"/>
      <c r="G86" s="99"/>
      <c r="Z86" s="74" t="s">
        <v>233</v>
      </c>
    </row>
    <row r="87" spans="1:26" ht="15">
      <c r="A87" s="156"/>
      <c r="B87" s="143"/>
      <c r="C87" s="144"/>
      <c r="D87" s="145"/>
      <c r="E87" s="72"/>
      <c r="F87" s="99"/>
      <c r="G87" s="99"/>
      <c r="Z87" s="74" t="s">
        <v>234</v>
      </c>
    </row>
    <row r="88" spans="1:26" ht="15">
      <c r="A88" s="156"/>
      <c r="B88" s="143"/>
      <c r="C88" s="144"/>
      <c r="D88" s="145"/>
      <c r="E88" s="72"/>
      <c r="F88" s="99"/>
      <c r="G88" s="99"/>
      <c r="Z88" s="74" t="s">
        <v>235</v>
      </c>
    </row>
    <row r="89" spans="1:26" ht="15">
      <c r="A89" s="156"/>
      <c r="B89" s="143"/>
      <c r="C89" s="144"/>
      <c r="D89" s="145"/>
      <c r="E89" s="72"/>
      <c r="F89" s="99"/>
      <c r="G89" s="99"/>
      <c r="Z89" s="74" t="s">
        <v>236</v>
      </c>
    </row>
    <row r="90" spans="1:26" ht="15">
      <c r="A90" s="156"/>
      <c r="B90" s="143"/>
      <c r="C90" s="144"/>
      <c r="D90" s="145"/>
      <c r="E90" s="72"/>
      <c r="F90" s="99"/>
      <c r="G90" s="99"/>
      <c r="Z90" s="74" t="s">
        <v>237</v>
      </c>
    </row>
    <row r="91" spans="1:26" ht="15">
      <c r="A91" s="156"/>
      <c r="B91" s="143"/>
      <c r="C91" s="144"/>
      <c r="D91" s="145"/>
      <c r="E91" s="72"/>
      <c r="F91" s="99"/>
      <c r="G91" s="99"/>
      <c r="Z91" s="74" t="s">
        <v>238</v>
      </c>
    </row>
    <row r="92" spans="1:26" ht="15">
      <c r="A92" s="157"/>
      <c r="B92" s="147"/>
      <c r="C92" s="148"/>
      <c r="D92" s="149"/>
      <c r="E92" s="97"/>
      <c r="F92" s="100"/>
      <c r="G92" s="100"/>
      <c r="Z92" s="74" t="s">
        <v>239</v>
      </c>
    </row>
    <row r="93" spans="1:26" ht="15">
      <c r="A93" s="155" t="s">
        <v>561</v>
      </c>
      <c r="B93" s="150"/>
      <c r="C93" s="151"/>
      <c r="D93" s="152"/>
      <c r="E93" s="96"/>
      <c r="F93" s="98"/>
      <c r="G93" s="98"/>
      <c r="Z93" s="74" t="s">
        <v>240</v>
      </c>
    </row>
    <row r="94" spans="1:26" ht="15">
      <c r="A94" s="156"/>
      <c r="B94" s="143"/>
      <c r="C94" s="144"/>
      <c r="D94" s="145"/>
      <c r="E94" s="72"/>
      <c r="F94" s="99"/>
      <c r="G94" s="99"/>
      <c r="Z94" s="74" t="s">
        <v>241</v>
      </c>
    </row>
    <row r="95" spans="1:26" ht="15">
      <c r="A95" s="156"/>
      <c r="B95" s="143"/>
      <c r="C95" s="144"/>
      <c r="D95" s="145"/>
      <c r="E95" s="72"/>
      <c r="F95" s="99"/>
      <c r="G95" s="99"/>
      <c r="Z95" s="74" t="s">
        <v>242</v>
      </c>
    </row>
    <row r="96" spans="1:26" ht="15">
      <c r="A96" s="156"/>
      <c r="B96" s="143"/>
      <c r="C96" s="144"/>
      <c r="D96" s="145"/>
      <c r="E96" s="72"/>
      <c r="F96" s="99"/>
      <c r="G96" s="99"/>
      <c r="Z96" s="74" t="s">
        <v>243</v>
      </c>
    </row>
    <row r="97" spans="1:26" ht="15">
      <c r="A97" s="156"/>
      <c r="B97" s="143"/>
      <c r="C97" s="144"/>
      <c r="D97" s="145"/>
      <c r="E97" s="72"/>
      <c r="F97" s="99"/>
      <c r="G97" s="99"/>
      <c r="Z97" s="74" t="s">
        <v>244</v>
      </c>
    </row>
    <row r="98" spans="1:26" ht="15">
      <c r="A98" s="156"/>
      <c r="B98" s="143"/>
      <c r="C98" s="144"/>
      <c r="D98" s="145"/>
      <c r="E98" s="72"/>
      <c r="F98" s="99"/>
      <c r="G98" s="99"/>
      <c r="Z98" s="74" t="s">
        <v>245</v>
      </c>
    </row>
    <row r="99" spans="1:26" ht="15">
      <c r="A99" s="156"/>
      <c r="B99" s="143"/>
      <c r="C99" s="144"/>
      <c r="D99" s="145"/>
      <c r="E99" s="72"/>
      <c r="F99" s="99"/>
      <c r="G99" s="99"/>
      <c r="Z99" s="74" t="s">
        <v>246</v>
      </c>
    </row>
    <row r="100" spans="1:26" ht="15">
      <c r="A100" s="156"/>
      <c r="B100" s="143"/>
      <c r="C100" s="144"/>
      <c r="D100" s="145"/>
      <c r="E100" s="72"/>
      <c r="F100" s="99"/>
      <c r="G100" s="99"/>
      <c r="Z100" s="74" t="s">
        <v>247</v>
      </c>
    </row>
    <row r="101" spans="1:26" ht="15">
      <c r="A101" s="156"/>
      <c r="B101" s="143"/>
      <c r="C101" s="144"/>
      <c r="D101" s="145"/>
      <c r="E101" s="72"/>
      <c r="F101" s="99"/>
      <c r="G101" s="99"/>
      <c r="Z101" s="74" t="s">
        <v>248</v>
      </c>
    </row>
    <row r="102" spans="1:26" ht="15">
      <c r="A102" s="157"/>
      <c r="B102" s="147"/>
      <c r="C102" s="148"/>
      <c r="D102" s="149"/>
      <c r="E102" s="97"/>
      <c r="F102" s="100"/>
      <c r="G102" s="100"/>
      <c r="Z102" s="74" t="s">
        <v>249</v>
      </c>
    </row>
    <row r="103" spans="1:26" ht="15">
      <c r="A103" s="155" t="s">
        <v>562</v>
      </c>
      <c r="B103" s="150"/>
      <c r="C103" s="151"/>
      <c r="D103" s="152"/>
      <c r="E103" s="96"/>
      <c r="F103" s="98"/>
      <c r="G103" s="98"/>
      <c r="Z103" s="74" t="s">
        <v>250</v>
      </c>
    </row>
    <row r="104" spans="1:26" ht="15">
      <c r="A104" s="156"/>
      <c r="B104" s="143"/>
      <c r="C104" s="144"/>
      <c r="D104" s="145"/>
      <c r="E104" s="72"/>
      <c r="F104" s="99"/>
      <c r="G104" s="99"/>
      <c r="Z104" s="74" t="s">
        <v>251</v>
      </c>
    </row>
    <row r="105" spans="1:26" ht="15">
      <c r="A105" s="156"/>
      <c r="B105" s="143"/>
      <c r="C105" s="144"/>
      <c r="D105" s="145"/>
      <c r="E105" s="72"/>
      <c r="F105" s="99"/>
      <c r="G105" s="99"/>
    </row>
    <row r="106" spans="1:26" ht="15">
      <c r="A106" s="156"/>
      <c r="B106" s="143"/>
      <c r="C106" s="144"/>
      <c r="D106" s="145"/>
      <c r="E106" s="72"/>
      <c r="F106" s="99"/>
      <c r="G106" s="99"/>
    </row>
    <row r="107" spans="1:26" ht="15">
      <c r="A107" s="156"/>
      <c r="B107" s="143"/>
      <c r="C107" s="144"/>
      <c r="D107" s="145"/>
      <c r="E107" s="72"/>
      <c r="F107" s="99"/>
      <c r="G107" s="99"/>
    </row>
    <row r="108" spans="1:26" ht="15">
      <c r="A108" s="156"/>
      <c r="B108" s="143"/>
      <c r="C108" s="144"/>
      <c r="D108" s="145"/>
      <c r="E108" s="72"/>
      <c r="F108" s="99"/>
      <c r="G108" s="99"/>
    </row>
    <row r="109" spans="1:26" ht="15">
      <c r="A109" s="156"/>
      <c r="B109" s="143"/>
      <c r="C109" s="144"/>
      <c r="D109" s="145"/>
      <c r="E109" s="72"/>
      <c r="F109" s="99"/>
      <c r="G109" s="99"/>
    </row>
    <row r="110" spans="1:26" ht="15">
      <c r="A110" s="156"/>
      <c r="B110" s="143"/>
      <c r="C110" s="144"/>
      <c r="D110" s="145"/>
      <c r="E110" s="72"/>
      <c r="F110" s="99"/>
      <c r="G110" s="99"/>
    </row>
    <row r="111" spans="1:26" ht="15">
      <c r="A111" s="156"/>
      <c r="B111" s="143"/>
      <c r="C111" s="144"/>
      <c r="D111" s="145"/>
      <c r="E111" s="72"/>
      <c r="F111" s="99"/>
      <c r="G111" s="99"/>
    </row>
    <row r="112" spans="1:26" ht="15">
      <c r="A112" s="157"/>
      <c r="B112" s="147"/>
      <c r="C112" s="148"/>
      <c r="D112" s="149"/>
      <c r="E112" s="97"/>
      <c r="F112" s="100"/>
      <c r="G112" s="100"/>
    </row>
  </sheetData>
  <sheetProtection algorithmName="SHA-512" hashValue="2JJ36n4aaPaIAhd2z6n4K9KXt97X+g8P1UsDKnrXF/UnTqbcnldHTceATU4BLus9YLZ982rJuEWh1+yJaFKfIg==" saltValue="o9XWGqrHgmUwo+hDn9atYw==" spinCount="100000" sheet="1" objects="1" scenarios="1"/>
  <mergeCells count="111">
    <mergeCell ref="A43:A52"/>
    <mergeCell ref="B43:D43"/>
    <mergeCell ref="B44:D44"/>
    <mergeCell ref="B45:D45"/>
    <mergeCell ref="B46:D46"/>
    <mergeCell ref="B47:D47"/>
    <mergeCell ref="B48:D48"/>
    <mergeCell ref="B49:D49"/>
    <mergeCell ref="B50:D50"/>
    <mergeCell ref="B51:D51"/>
    <mergeCell ref="B52:D52"/>
    <mergeCell ref="A103:A112"/>
    <mergeCell ref="B103:D103"/>
    <mergeCell ref="B104:D104"/>
    <mergeCell ref="B105:D105"/>
    <mergeCell ref="B106:D106"/>
    <mergeCell ref="B107:D107"/>
    <mergeCell ref="B108:D108"/>
    <mergeCell ref="B109:D109"/>
    <mergeCell ref="B110:D110"/>
    <mergeCell ref="B111:D111"/>
    <mergeCell ref="B112:D112"/>
    <mergeCell ref="A93:A102"/>
    <mergeCell ref="B93:D93"/>
    <mergeCell ref="B94:D94"/>
    <mergeCell ref="B95:D95"/>
    <mergeCell ref="B96:D96"/>
    <mergeCell ref="B97:D97"/>
    <mergeCell ref="B98:D98"/>
    <mergeCell ref="B99:D99"/>
    <mergeCell ref="B100:D100"/>
    <mergeCell ref="B101:D101"/>
    <mergeCell ref="B102:D102"/>
    <mergeCell ref="A83:A92"/>
    <mergeCell ref="B83:D83"/>
    <mergeCell ref="B84:D84"/>
    <mergeCell ref="B85:D85"/>
    <mergeCell ref="B86:D86"/>
    <mergeCell ref="B87:D87"/>
    <mergeCell ref="B88:D88"/>
    <mergeCell ref="B89:D89"/>
    <mergeCell ref="B90:D90"/>
    <mergeCell ref="B91:D91"/>
    <mergeCell ref="B92:D92"/>
    <mergeCell ref="A73:A82"/>
    <mergeCell ref="B73:D73"/>
    <mergeCell ref="B74:D74"/>
    <mergeCell ref="B75:D75"/>
    <mergeCell ref="B76:D76"/>
    <mergeCell ref="B77:D77"/>
    <mergeCell ref="B78:D78"/>
    <mergeCell ref="B79:D79"/>
    <mergeCell ref="B80:D80"/>
    <mergeCell ref="B81:D81"/>
    <mergeCell ref="B82:D82"/>
    <mergeCell ref="A33:A42"/>
    <mergeCell ref="A53:A62"/>
    <mergeCell ref="A63:A72"/>
    <mergeCell ref="A7:G7"/>
    <mergeCell ref="A13:A22"/>
    <mergeCell ref="B23:D23"/>
    <mergeCell ref="B24:D24"/>
    <mergeCell ref="B25:D25"/>
    <mergeCell ref="B26:D26"/>
    <mergeCell ref="A23:A32"/>
    <mergeCell ref="B18:D18"/>
    <mergeCell ref="B19:D19"/>
    <mergeCell ref="B20:D20"/>
    <mergeCell ref="B21:D21"/>
    <mergeCell ref="B22:D22"/>
    <mergeCell ref="B13:D13"/>
    <mergeCell ref="B14:D14"/>
    <mergeCell ref="B15:D15"/>
    <mergeCell ref="B16:D16"/>
    <mergeCell ref="B17:D17"/>
    <mergeCell ref="B27:D27"/>
    <mergeCell ref="B28:D28"/>
    <mergeCell ref="B29:D29"/>
    <mergeCell ref="B30:D30"/>
    <mergeCell ref="B31:D31"/>
    <mergeCell ref="B32:D32"/>
    <mergeCell ref="B33:D33"/>
    <mergeCell ref="B34:D34"/>
    <mergeCell ref="B35:D35"/>
    <mergeCell ref="B36:D36"/>
    <mergeCell ref="B37:D37"/>
    <mergeCell ref="B38:D38"/>
    <mergeCell ref="B39:D39"/>
    <mergeCell ref="B40:D40"/>
    <mergeCell ref="B41:D41"/>
    <mergeCell ref="B42:D42"/>
    <mergeCell ref="B53:D53"/>
    <mergeCell ref="B54:D54"/>
    <mergeCell ref="B55:D55"/>
    <mergeCell ref="B56:D56"/>
    <mergeCell ref="B57:D57"/>
    <mergeCell ref="B58:D58"/>
    <mergeCell ref="B59:D59"/>
    <mergeCell ref="B60:D60"/>
    <mergeCell ref="B61:D61"/>
    <mergeCell ref="B62:D62"/>
    <mergeCell ref="B63:D63"/>
    <mergeCell ref="B64:D64"/>
    <mergeCell ref="B65:D65"/>
    <mergeCell ref="B66:D66"/>
    <mergeCell ref="B72:D72"/>
    <mergeCell ref="B67:D67"/>
    <mergeCell ref="B68:D68"/>
    <mergeCell ref="B69:D69"/>
    <mergeCell ref="B70:D70"/>
    <mergeCell ref="B71:D71"/>
  </mergeCells>
  <phoneticPr fontId="43" type="noConversion"/>
  <conditionalFormatting sqref="H12:I12 H75:S76">
    <cfRule type="expression" dxfId="19" priority="12">
      <formula>OR(#REF!="No", #REF!="")</formula>
    </cfRule>
  </conditionalFormatting>
  <conditionalFormatting sqref="H54:L74">
    <cfRule type="expression" dxfId="18" priority="11">
      <formula>OR(#REF!="No", #REF!="")</formula>
    </cfRule>
  </conditionalFormatting>
  <pageMargins left="0.7" right="0.7" top="0.75" bottom="0.75" header="0.3" footer="0.3"/>
  <pageSetup scale="64" fitToHeight="0" orientation="landscape" horizontalDpi="1200" verticalDpi="1200"/>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917167-E6E0-4F1C-8E22-320FB4172D4B}">
  <sheetPr>
    <tabColor rgb="FFFF0000"/>
  </sheetPr>
  <dimension ref="A1:N27"/>
  <sheetViews>
    <sheetView showGridLines="0" workbookViewId="0">
      <selection activeCell="A3" sqref="A3:K4"/>
    </sheetView>
  </sheetViews>
  <sheetFormatPr defaultColWidth="8.85546875" defaultRowHeight="15"/>
  <cols>
    <col min="1" max="1" width="46.42578125" bestFit="1" customWidth="1"/>
    <col min="11" max="11" width="54.140625" customWidth="1"/>
  </cols>
  <sheetData>
    <row r="1" spans="1:14">
      <c r="A1" s="158" t="s">
        <v>527</v>
      </c>
      <c r="B1" s="159"/>
      <c r="C1" s="159"/>
      <c r="D1" s="159"/>
      <c r="E1" s="159"/>
      <c r="F1" s="159"/>
      <c r="G1" s="159"/>
      <c r="H1" s="159"/>
      <c r="I1" s="159"/>
      <c r="J1" s="159"/>
      <c r="K1" s="160"/>
    </row>
    <row r="2" spans="1:14">
      <c r="A2" s="161"/>
      <c r="B2" s="162"/>
      <c r="C2" s="162"/>
      <c r="D2" s="162"/>
      <c r="E2" s="162"/>
      <c r="F2" s="162"/>
      <c r="G2" s="162"/>
      <c r="H2" s="162"/>
      <c r="I2" s="162"/>
      <c r="J2" s="162"/>
      <c r="K2" s="163"/>
    </row>
    <row r="3" spans="1:14" ht="26.25" customHeight="1">
      <c r="A3" s="172" t="s">
        <v>567</v>
      </c>
      <c r="B3" s="173"/>
      <c r="C3" s="173"/>
      <c r="D3" s="173"/>
      <c r="E3" s="173"/>
      <c r="F3" s="173"/>
      <c r="G3" s="173"/>
      <c r="H3" s="173"/>
      <c r="I3" s="173"/>
      <c r="J3" s="173"/>
      <c r="K3" s="174"/>
      <c r="L3" s="86"/>
      <c r="M3" s="86"/>
      <c r="N3" s="86"/>
    </row>
    <row r="4" spans="1:14" ht="31.5" customHeight="1" thickBot="1">
      <c r="A4" s="175"/>
      <c r="B4" s="176"/>
      <c r="C4" s="176"/>
      <c r="D4" s="176"/>
      <c r="E4" s="176"/>
      <c r="F4" s="176"/>
      <c r="G4" s="176"/>
      <c r="H4" s="176"/>
      <c r="I4" s="176"/>
      <c r="J4" s="176"/>
      <c r="K4" s="177"/>
      <c r="L4" s="86"/>
      <c r="M4" s="86"/>
      <c r="N4" s="86"/>
    </row>
    <row r="5" spans="1:14" ht="18.75" customHeight="1">
      <c r="A5" s="85" t="s">
        <v>528</v>
      </c>
      <c r="B5" s="92" t="s">
        <v>525</v>
      </c>
      <c r="L5" s="86"/>
      <c r="M5" s="86"/>
      <c r="N5" s="86"/>
    </row>
    <row r="6" spans="1:14" ht="49.5" customHeight="1">
      <c r="A6" s="167" t="s">
        <v>529</v>
      </c>
      <c r="B6" s="91"/>
      <c r="C6" s="169" t="s">
        <v>534</v>
      </c>
      <c r="D6" s="170"/>
      <c r="E6" s="170"/>
      <c r="F6" s="170"/>
      <c r="G6" s="170"/>
      <c r="H6" s="170"/>
      <c r="I6" s="170"/>
      <c r="J6" s="170"/>
      <c r="K6" s="171"/>
      <c r="L6" s="86"/>
      <c r="M6" s="86"/>
      <c r="N6" s="86"/>
    </row>
    <row r="7" spans="1:14" ht="111.75" customHeight="1">
      <c r="A7" s="168"/>
      <c r="B7" s="164"/>
      <c r="C7" s="165"/>
      <c r="D7" s="165"/>
      <c r="E7" s="165"/>
      <c r="F7" s="165"/>
      <c r="G7" s="165"/>
      <c r="H7" s="165"/>
      <c r="I7" s="165"/>
      <c r="J7" s="165"/>
      <c r="K7" s="166"/>
      <c r="L7" s="86"/>
      <c r="M7" s="86"/>
      <c r="N7" s="86"/>
    </row>
    <row r="8" spans="1:14" ht="15.75">
      <c r="A8" s="87"/>
      <c r="B8" s="86"/>
      <c r="C8" s="86"/>
      <c r="D8" s="86"/>
      <c r="E8" s="86"/>
      <c r="F8" s="86"/>
      <c r="G8" s="86"/>
      <c r="H8" s="86"/>
      <c r="I8" s="86"/>
      <c r="J8" s="86"/>
      <c r="M8" s="86"/>
      <c r="N8" s="86"/>
    </row>
    <row r="9" spans="1:14" ht="15.75">
      <c r="A9" s="85" t="s">
        <v>530</v>
      </c>
      <c r="B9" s="92" t="s">
        <v>525</v>
      </c>
      <c r="L9" s="86"/>
      <c r="M9" s="86"/>
      <c r="N9" s="86"/>
    </row>
    <row r="10" spans="1:14" ht="38.25" customHeight="1">
      <c r="A10" s="167" t="s">
        <v>531</v>
      </c>
      <c r="B10" s="91"/>
      <c r="C10" s="169" t="s">
        <v>543</v>
      </c>
      <c r="D10" s="170"/>
      <c r="E10" s="170"/>
      <c r="F10" s="170"/>
      <c r="G10" s="170"/>
      <c r="H10" s="170"/>
      <c r="I10" s="170"/>
      <c r="J10" s="170"/>
      <c r="K10" s="171"/>
      <c r="L10" s="86"/>
      <c r="M10" s="86"/>
      <c r="N10" s="86"/>
    </row>
    <row r="11" spans="1:14" ht="87" customHeight="1">
      <c r="A11" s="168"/>
      <c r="B11" s="164"/>
      <c r="C11" s="165"/>
      <c r="D11" s="165"/>
      <c r="E11" s="165"/>
      <c r="F11" s="165"/>
      <c r="G11" s="165"/>
      <c r="H11" s="165"/>
      <c r="I11" s="165"/>
      <c r="J11" s="165"/>
      <c r="K11" s="166"/>
      <c r="L11" s="86"/>
      <c r="M11" s="86"/>
      <c r="N11" s="86"/>
    </row>
    <row r="12" spans="1:14" ht="15.75">
      <c r="L12" s="86"/>
      <c r="M12" s="86"/>
      <c r="N12" s="86"/>
    </row>
    <row r="13" spans="1:14" ht="15.75">
      <c r="A13" s="85" t="s">
        <v>532</v>
      </c>
      <c r="B13" s="92" t="s">
        <v>525</v>
      </c>
      <c r="L13" s="86"/>
      <c r="M13" s="86"/>
      <c r="N13" s="86"/>
    </row>
    <row r="14" spans="1:14" ht="32.25" customHeight="1">
      <c r="A14" s="167" t="s">
        <v>533</v>
      </c>
      <c r="B14" s="91"/>
      <c r="C14" s="169" t="s">
        <v>540</v>
      </c>
      <c r="D14" s="170"/>
      <c r="E14" s="170"/>
      <c r="F14" s="170"/>
      <c r="G14" s="170"/>
      <c r="H14" s="170"/>
      <c r="I14" s="170"/>
      <c r="J14" s="170"/>
      <c r="K14" s="171"/>
      <c r="L14" s="86"/>
      <c r="M14" s="86"/>
      <c r="N14" s="86"/>
    </row>
    <row r="15" spans="1:14" ht="28.5" customHeight="1">
      <c r="A15" s="168"/>
      <c r="B15" s="164"/>
      <c r="C15" s="165"/>
      <c r="D15" s="165"/>
      <c r="E15" s="165"/>
      <c r="F15" s="165"/>
      <c r="G15" s="165"/>
      <c r="H15" s="165"/>
      <c r="I15" s="165"/>
      <c r="J15" s="165"/>
      <c r="K15" s="166"/>
      <c r="L15" s="86"/>
      <c r="M15" s="86"/>
      <c r="N15" s="86"/>
    </row>
    <row r="16" spans="1:14" ht="16.5" thickBot="1">
      <c r="A16" s="88"/>
      <c r="B16" s="89"/>
      <c r="C16" s="89"/>
      <c r="D16" s="89"/>
      <c r="E16" s="89"/>
      <c r="F16" s="89"/>
      <c r="G16" s="89"/>
      <c r="H16" s="89"/>
      <c r="I16" s="89"/>
      <c r="J16" s="89"/>
      <c r="K16" s="90"/>
      <c r="L16" s="86"/>
      <c r="M16" s="86"/>
      <c r="N16" s="86"/>
    </row>
    <row r="17" spans="1:14" ht="18" customHeight="1">
      <c r="L17" s="86"/>
      <c r="M17" s="86"/>
      <c r="N17" s="86"/>
    </row>
    <row r="18" spans="1:14" ht="57.75" customHeight="1">
      <c r="L18" s="86"/>
      <c r="M18" s="86"/>
      <c r="N18" s="86"/>
    </row>
    <row r="19" spans="1:14" ht="15.75">
      <c r="L19" s="86"/>
      <c r="M19" s="86"/>
      <c r="N19" s="86"/>
    </row>
    <row r="20" spans="1:14" ht="15.75">
      <c r="L20" s="86"/>
      <c r="M20" s="86"/>
      <c r="N20" s="86"/>
    </row>
    <row r="21" spans="1:14" ht="15.75">
      <c r="A21" s="86"/>
      <c r="B21" s="86"/>
      <c r="C21" s="86"/>
      <c r="D21" s="86"/>
      <c r="E21" s="86"/>
      <c r="F21" s="86"/>
      <c r="G21" s="86"/>
      <c r="H21" s="86"/>
      <c r="I21" s="86"/>
      <c r="J21" s="86"/>
      <c r="K21" s="86"/>
      <c r="L21" s="86"/>
      <c r="M21" s="86"/>
      <c r="N21" s="86"/>
    </row>
    <row r="22" spans="1:14" ht="15.75">
      <c r="A22" s="86"/>
      <c r="B22" s="86"/>
      <c r="C22" s="86"/>
      <c r="D22" s="86"/>
      <c r="E22" s="86"/>
      <c r="F22" s="86"/>
      <c r="G22" s="86"/>
      <c r="H22" s="86"/>
      <c r="I22" s="86"/>
      <c r="J22" s="86"/>
      <c r="K22" s="86"/>
      <c r="L22" s="86"/>
      <c r="M22" s="86"/>
      <c r="N22" s="86"/>
    </row>
    <row r="23" spans="1:14" ht="15.75">
      <c r="A23" s="86"/>
      <c r="B23" s="86"/>
      <c r="C23" s="86"/>
      <c r="D23" s="86"/>
      <c r="E23" s="86"/>
      <c r="F23" s="86"/>
      <c r="G23" s="86"/>
      <c r="H23" s="86"/>
      <c r="I23" s="86"/>
      <c r="J23" s="86"/>
      <c r="K23" s="86"/>
      <c r="L23" s="86"/>
      <c r="M23" s="86"/>
      <c r="N23" s="86"/>
    </row>
    <row r="24" spans="1:14" ht="15.75">
      <c r="A24" s="86"/>
      <c r="B24" s="86"/>
      <c r="C24" s="86"/>
      <c r="D24" s="86"/>
      <c r="E24" s="86"/>
      <c r="F24" s="86"/>
      <c r="G24" s="86"/>
      <c r="H24" s="86"/>
      <c r="I24" s="86"/>
      <c r="J24" s="86"/>
      <c r="K24" s="86"/>
      <c r="L24" s="86"/>
      <c r="M24" s="86"/>
      <c r="N24" s="86"/>
    </row>
    <row r="25" spans="1:14" ht="15.75">
      <c r="A25" s="86"/>
      <c r="B25" s="86"/>
      <c r="C25" s="86"/>
      <c r="D25" s="86"/>
      <c r="E25" s="86"/>
      <c r="F25" s="86"/>
      <c r="G25" s="86"/>
      <c r="H25" s="86"/>
      <c r="I25" s="86"/>
      <c r="J25" s="86"/>
      <c r="K25" s="86"/>
      <c r="L25" s="86"/>
      <c r="M25" s="86"/>
      <c r="N25" s="86"/>
    </row>
    <row r="26" spans="1:14" ht="15.75">
      <c r="A26" s="86"/>
      <c r="B26" s="86"/>
      <c r="C26" s="86"/>
      <c r="D26" s="86"/>
      <c r="E26" s="86"/>
      <c r="F26" s="86"/>
      <c r="G26" s="86"/>
      <c r="H26" s="86"/>
      <c r="I26" s="86"/>
      <c r="J26" s="86"/>
      <c r="K26" s="86"/>
      <c r="L26" s="86"/>
      <c r="M26" s="86"/>
      <c r="N26" s="86"/>
    </row>
    <row r="27" spans="1:14" ht="15.75">
      <c r="A27" s="86"/>
      <c r="B27" s="86"/>
      <c r="C27" s="86"/>
      <c r="D27" s="86"/>
      <c r="E27" s="86"/>
      <c r="F27" s="86"/>
      <c r="G27" s="86"/>
      <c r="H27" s="86"/>
      <c r="I27" s="86"/>
      <c r="J27" s="86"/>
      <c r="K27" s="86"/>
      <c r="L27" s="86"/>
      <c r="M27" s="86"/>
      <c r="N27" s="86"/>
    </row>
  </sheetData>
  <sheetProtection algorithmName="SHA-512" hashValue="UITEJz2i60vfHg/MLgsaKvPwYHnZOdeCPRGUptmSDqKQl5o4Te0f+GNa4lY/dUavLZ30lH4Gp4DNDnpoYONYYg==" saltValue="BoHmjMWGHVY54QUTKwUg5Q==" spinCount="100000" sheet="1" objects="1" scenarios="1"/>
  <mergeCells count="11">
    <mergeCell ref="A1:K2"/>
    <mergeCell ref="B7:K7"/>
    <mergeCell ref="B11:K11"/>
    <mergeCell ref="A14:A15"/>
    <mergeCell ref="C14:K14"/>
    <mergeCell ref="A3:K4"/>
    <mergeCell ref="B15:K15"/>
    <mergeCell ref="A6:A7"/>
    <mergeCell ref="C6:K6"/>
    <mergeCell ref="A10:A11"/>
    <mergeCell ref="C10:K10"/>
  </mergeCells>
  <conditionalFormatting sqref="B7:K7">
    <cfRule type="expression" dxfId="17" priority="19">
      <formula>$B$6="Yes"</formula>
    </cfRule>
    <cfRule type="expression" dxfId="16" priority="20">
      <formula>$B$6=""</formula>
    </cfRule>
    <cfRule type="expression" dxfId="15" priority="21">
      <formula>$B$6="No"</formula>
    </cfRule>
  </conditionalFormatting>
  <conditionalFormatting sqref="B11:K11">
    <cfRule type="expression" dxfId="14" priority="7">
      <formula>$B$10="Yes"</formula>
    </cfRule>
    <cfRule type="expression" dxfId="13" priority="8">
      <formula>$B$10=""</formula>
    </cfRule>
    <cfRule type="expression" dxfId="12" priority="9">
      <formula>$B$10="No"</formula>
    </cfRule>
  </conditionalFormatting>
  <conditionalFormatting sqref="B15:K15">
    <cfRule type="expression" dxfId="11" priority="1">
      <formula>$B$14="Yes"</formula>
    </cfRule>
    <cfRule type="expression" dxfId="10" priority="2">
      <formula>$B$14=""</formula>
    </cfRule>
    <cfRule type="expression" dxfId="9" priority="3">
      <formula>$B$14="No"</formula>
    </cfRule>
  </conditionalFormatting>
  <conditionalFormatting sqref="C6">
    <cfRule type="expression" dxfId="8" priority="16">
      <formula>$B$6=""</formula>
    </cfRule>
    <cfRule type="expression" dxfId="7" priority="17">
      <formula>$B$6="Yes"</formula>
    </cfRule>
    <cfRule type="expression" dxfId="6" priority="18">
      <formula>$B$6="No"</formula>
    </cfRule>
  </conditionalFormatting>
  <conditionalFormatting sqref="C10">
    <cfRule type="expression" dxfId="5" priority="10">
      <formula>$B$10=""</formula>
    </cfRule>
    <cfRule type="expression" dxfId="4" priority="11">
      <formula>$B$10="Yes"</formula>
    </cfRule>
    <cfRule type="expression" dxfId="3" priority="12">
      <formula>$B$10="No"</formula>
    </cfRule>
  </conditionalFormatting>
  <conditionalFormatting sqref="C14">
    <cfRule type="expression" dxfId="2" priority="4">
      <formula>$B$14=""</formula>
    </cfRule>
    <cfRule type="expression" dxfId="1" priority="5">
      <formula>$B$14="Yes"</formula>
    </cfRule>
    <cfRule type="expression" dxfId="0" priority="6">
      <formula>$B$14="No"</formula>
    </cfRule>
  </conditionalFormatting>
  <dataValidations count="1">
    <dataValidation type="textLength" operator="lessThan" allowBlank="1" showInputMessage="1" showErrorMessage="1" promptTitle="English requirements" prompt="Please state in which way you fulfill the English requirements" sqref="B16:K16" xr:uid="{C7616C81-A8A1-4A6D-8CBD-BC317E5FF3AC}">
      <formula1>101</formula1>
    </dataValidation>
  </dataValidations>
  <pageMargins left="0.7" right="0.7" top="0.75" bottom="0.75" header="0.3" footer="0.3"/>
  <pageSetup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AD03D589-BBEA-42BC-A00E-CC77956B6D81}">
          <x14:formula1>
            <xm:f>GPA!$L$10:$L$11</xm:f>
          </x14:formula1>
          <xm:sqref>B6 B10 B14</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M81"/>
  <sheetViews>
    <sheetView showGridLines="0" tabSelected="1" topLeftCell="A15" zoomScaleNormal="100" workbookViewId="0">
      <selection activeCell="A43" sqref="A43"/>
    </sheetView>
  </sheetViews>
  <sheetFormatPr defaultColWidth="9.140625" defaultRowHeight="15"/>
  <cols>
    <col min="1" max="1" width="28.85546875" style="3" customWidth="1"/>
    <col min="2" max="2" width="43.42578125" style="3" customWidth="1"/>
    <col min="3" max="16384" width="9.140625" style="3"/>
  </cols>
  <sheetData>
    <row r="1" spans="1:13" ht="33">
      <c r="A1" s="191" t="s">
        <v>544</v>
      </c>
      <c r="B1" s="191"/>
      <c r="C1" s="191"/>
      <c r="D1" s="191"/>
      <c r="E1" s="191"/>
      <c r="F1" s="191"/>
      <c r="G1" s="191"/>
      <c r="H1" s="191"/>
      <c r="I1" s="191"/>
      <c r="J1" s="191"/>
      <c r="K1" s="17"/>
      <c r="L1" s="17"/>
      <c r="M1" s="17"/>
    </row>
    <row r="2" spans="1:13" ht="22.5">
      <c r="A2" s="192"/>
      <c r="B2" s="192"/>
      <c r="C2" s="192"/>
      <c r="D2" s="192"/>
      <c r="E2" s="192"/>
      <c r="F2" s="192"/>
      <c r="G2" s="192"/>
      <c r="H2" s="192"/>
      <c r="I2" s="192"/>
      <c r="J2" s="192"/>
      <c r="K2" s="17"/>
      <c r="L2" s="17"/>
      <c r="M2" s="17"/>
    </row>
    <row r="3" spans="1:13" s="1" customFormat="1" ht="15" customHeight="1">
      <c r="A3" s="185" t="s">
        <v>545</v>
      </c>
      <c r="B3" s="186"/>
      <c r="C3" s="186"/>
      <c r="D3" s="186"/>
      <c r="E3" s="186"/>
      <c r="F3" s="186"/>
      <c r="G3" s="186"/>
      <c r="H3" s="186"/>
      <c r="I3" s="186"/>
      <c r="J3" s="186"/>
      <c r="K3" s="41"/>
      <c r="L3" s="41"/>
      <c r="M3" s="41"/>
    </row>
    <row r="4" spans="1:13" ht="15.75" customHeight="1">
      <c r="A4" s="185"/>
      <c r="B4" s="186"/>
      <c r="C4" s="186"/>
      <c r="D4" s="186"/>
      <c r="E4" s="186"/>
      <c r="F4" s="186"/>
      <c r="G4" s="186"/>
      <c r="H4" s="186"/>
      <c r="I4" s="186"/>
      <c r="J4" s="186"/>
      <c r="K4" s="17"/>
      <c r="L4" s="17"/>
      <c r="M4" s="17"/>
    </row>
    <row r="5" spans="1:13" ht="15" customHeight="1">
      <c r="A5" s="185"/>
      <c r="B5" s="186"/>
      <c r="C5" s="186"/>
      <c r="D5" s="186"/>
      <c r="E5" s="186"/>
      <c r="F5" s="186"/>
      <c r="G5" s="186"/>
      <c r="H5" s="186"/>
      <c r="I5" s="186"/>
      <c r="J5" s="186"/>
      <c r="K5" s="17"/>
      <c r="L5" s="17"/>
      <c r="M5" s="17"/>
    </row>
    <row r="6" spans="1:13" ht="58.5" customHeight="1" thickBot="1">
      <c r="A6" s="187"/>
      <c r="B6" s="188"/>
      <c r="C6" s="188"/>
      <c r="D6" s="188"/>
      <c r="E6" s="188"/>
      <c r="F6" s="188"/>
      <c r="G6" s="188"/>
      <c r="H6" s="188"/>
      <c r="I6" s="188"/>
      <c r="J6" s="188"/>
      <c r="K6" s="17"/>
      <c r="L6" s="17"/>
      <c r="M6" s="17"/>
    </row>
    <row r="7" spans="1:13" ht="15.75" thickBot="1">
      <c r="A7" s="27"/>
      <c r="B7" s="17"/>
      <c r="C7" s="17"/>
      <c r="D7" s="17"/>
      <c r="E7" s="17"/>
      <c r="F7" s="17"/>
      <c r="G7" s="17"/>
      <c r="H7" s="17"/>
      <c r="I7" s="17"/>
      <c r="J7" s="103"/>
      <c r="K7" s="17"/>
      <c r="L7" s="17"/>
      <c r="M7" s="17"/>
    </row>
    <row r="8" spans="1:13">
      <c r="A8" s="104" t="s">
        <v>252</v>
      </c>
      <c r="B8" s="193">
        <f>GPA!B10</f>
        <v>0</v>
      </c>
      <c r="C8" s="194"/>
      <c r="D8" s="194"/>
      <c r="E8" s="194"/>
      <c r="F8" s="194"/>
      <c r="G8" s="194"/>
      <c r="H8" s="194"/>
      <c r="I8" s="194"/>
      <c r="J8" s="195"/>
      <c r="K8" s="17"/>
      <c r="L8" s="17"/>
      <c r="M8" s="17"/>
    </row>
    <row r="9" spans="1:13">
      <c r="A9" s="105" t="s">
        <v>1</v>
      </c>
      <c r="B9" s="196">
        <f>GPA!B11</f>
        <v>0</v>
      </c>
      <c r="C9" s="197"/>
      <c r="D9" s="197"/>
      <c r="E9" s="197"/>
      <c r="F9" s="197"/>
      <c r="G9" s="197"/>
      <c r="H9" s="197"/>
      <c r="I9" s="197"/>
      <c r="J9" s="198"/>
      <c r="K9" s="17"/>
      <c r="L9" s="17"/>
      <c r="M9" s="17"/>
    </row>
    <row r="10" spans="1:13">
      <c r="A10" s="105" t="s">
        <v>0</v>
      </c>
      <c r="B10" s="196">
        <f>GPA!B12</f>
        <v>0</v>
      </c>
      <c r="C10" s="197"/>
      <c r="D10" s="197"/>
      <c r="E10" s="197"/>
      <c r="F10" s="197"/>
      <c r="G10" s="197"/>
      <c r="H10" s="197"/>
      <c r="I10" s="197"/>
      <c r="J10" s="198"/>
      <c r="K10" s="17"/>
      <c r="L10" s="17"/>
      <c r="M10" s="17"/>
    </row>
    <row r="11" spans="1:13" ht="15.75" thickBot="1">
      <c r="A11" s="106" t="s">
        <v>2</v>
      </c>
      <c r="B11" s="199">
        <f>GPA!B15</f>
        <v>0</v>
      </c>
      <c r="C11" s="200"/>
      <c r="D11" s="200"/>
      <c r="E11" s="200"/>
      <c r="F11" s="200"/>
      <c r="G11" s="200"/>
      <c r="H11" s="200"/>
      <c r="I11" s="200"/>
      <c r="J11" s="201"/>
      <c r="K11" s="17"/>
      <c r="L11" s="17"/>
      <c r="M11" s="17"/>
    </row>
    <row r="12" spans="1:13">
      <c r="A12" s="107"/>
      <c r="B12" s="17"/>
      <c r="C12" s="17"/>
      <c r="D12" s="17"/>
      <c r="E12" s="17"/>
      <c r="F12" s="17"/>
      <c r="G12" s="17"/>
      <c r="H12" s="17"/>
      <c r="I12" s="17"/>
      <c r="J12" s="103"/>
      <c r="K12" s="17"/>
      <c r="L12" s="17"/>
      <c r="M12" s="17"/>
    </row>
    <row r="13" spans="1:13" ht="15.75" thickBot="1">
      <c r="A13" s="107"/>
      <c r="B13" s="17"/>
      <c r="C13" s="17"/>
      <c r="D13" s="17"/>
      <c r="E13" s="17"/>
      <c r="F13" s="17"/>
      <c r="G13" s="17"/>
      <c r="H13" s="178"/>
      <c r="I13" s="178"/>
      <c r="J13" s="103"/>
      <c r="K13" s="17"/>
      <c r="L13" s="17"/>
      <c r="M13" s="17"/>
    </row>
    <row r="14" spans="1:13" ht="22.5">
      <c r="A14" s="108" t="s">
        <v>253</v>
      </c>
      <c r="B14" s="109"/>
      <c r="C14" s="110"/>
      <c r="D14" s="110"/>
      <c r="E14" s="202" t="str">
        <f>IF(ISBLANK(A17)=TRUE,"THIS AREA IS MANDATORY; you must fill it out.","")</f>
        <v/>
      </c>
      <c r="F14" s="202"/>
      <c r="G14" s="202"/>
      <c r="H14" s="202"/>
      <c r="I14" s="202"/>
      <c r="J14" s="203"/>
      <c r="K14" s="17"/>
      <c r="L14" s="17"/>
      <c r="M14" s="17"/>
    </row>
    <row r="15" spans="1:13">
      <c r="A15" s="27"/>
      <c r="B15" s="17"/>
      <c r="C15" s="17"/>
      <c r="D15" s="17"/>
      <c r="E15" s="17"/>
      <c r="F15" s="17"/>
      <c r="G15" s="17"/>
      <c r="H15" s="17"/>
      <c r="I15" s="17"/>
      <c r="J15" s="103"/>
      <c r="K15" s="17"/>
      <c r="L15" s="17"/>
      <c r="M15" s="17"/>
    </row>
    <row r="16" spans="1:13">
      <c r="A16" s="210" t="s">
        <v>298</v>
      </c>
      <c r="B16" s="211"/>
      <c r="C16" s="211"/>
      <c r="D16" s="211"/>
      <c r="E16" s="211"/>
      <c r="F16" s="211"/>
      <c r="G16" s="211"/>
      <c r="H16" s="211"/>
      <c r="I16" s="211"/>
      <c r="J16" s="212"/>
      <c r="K16" s="17"/>
      <c r="L16" s="17"/>
      <c r="M16" s="17"/>
    </row>
    <row r="17" spans="1:13">
      <c r="A17" s="213" t="s">
        <v>298</v>
      </c>
      <c r="B17" s="214"/>
      <c r="C17" s="214"/>
      <c r="D17" s="214"/>
      <c r="E17" s="214"/>
      <c r="F17" s="214"/>
      <c r="G17" s="214"/>
      <c r="H17" s="214"/>
      <c r="I17" s="214"/>
      <c r="J17" s="215"/>
      <c r="K17" s="17"/>
      <c r="L17" s="17"/>
      <c r="M17" s="17"/>
    </row>
    <row r="18" spans="1:13">
      <c r="A18" s="213"/>
      <c r="B18" s="214"/>
      <c r="C18" s="214"/>
      <c r="D18" s="214"/>
      <c r="E18" s="214"/>
      <c r="F18" s="214"/>
      <c r="G18" s="214"/>
      <c r="H18" s="214"/>
      <c r="I18" s="214"/>
      <c r="J18" s="215"/>
      <c r="K18" s="17"/>
      <c r="L18" s="17"/>
      <c r="M18" s="17"/>
    </row>
    <row r="19" spans="1:13">
      <c r="A19" s="213"/>
      <c r="B19" s="214"/>
      <c r="C19" s="214"/>
      <c r="D19" s="214"/>
      <c r="E19" s="214"/>
      <c r="F19" s="214"/>
      <c r="G19" s="214"/>
      <c r="H19" s="214"/>
      <c r="I19" s="214"/>
      <c r="J19" s="215"/>
      <c r="K19" s="17"/>
      <c r="L19" s="17"/>
      <c r="M19" s="17"/>
    </row>
    <row r="20" spans="1:13">
      <c r="A20" s="213"/>
      <c r="B20" s="214"/>
      <c r="C20" s="214"/>
      <c r="D20" s="214"/>
      <c r="E20" s="214"/>
      <c r="F20" s="214"/>
      <c r="G20" s="214"/>
      <c r="H20" s="214"/>
      <c r="I20" s="214"/>
      <c r="J20" s="215"/>
      <c r="K20" s="17"/>
      <c r="L20" s="17"/>
      <c r="M20" s="17"/>
    </row>
    <row r="21" spans="1:13">
      <c r="A21" s="213"/>
      <c r="B21" s="214"/>
      <c r="C21" s="214"/>
      <c r="D21" s="214"/>
      <c r="E21" s="214"/>
      <c r="F21" s="214"/>
      <c r="G21" s="214"/>
      <c r="H21" s="214"/>
      <c r="I21" s="214"/>
      <c r="J21" s="215"/>
      <c r="K21" s="17"/>
      <c r="L21" s="17"/>
      <c r="M21" s="17"/>
    </row>
    <row r="22" spans="1:13">
      <c r="A22" s="213"/>
      <c r="B22" s="214"/>
      <c r="C22" s="214"/>
      <c r="D22" s="214"/>
      <c r="E22" s="214"/>
      <c r="F22" s="214"/>
      <c r="G22" s="214"/>
      <c r="H22" s="214"/>
      <c r="I22" s="214"/>
      <c r="J22" s="215"/>
      <c r="K22" s="17"/>
      <c r="L22" s="17"/>
      <c r="M22" s="17"/>
    </row>
    <row r="23" spans="1:13">
      <c r="A23" s="213"/>
      <c r="B23" s="214"/>
      <c r="C23" s="214"/>
      <c r="D23" s="214"/>
      <c r="E23" s="214"/>
      <c r="F23" s="214"/>
      <c r="G23" s="214"/>
      <c r="H23" s="214"/>
      <c r="I23" s="214"/>
      <c r="J23" s="215"/>
      <c r="K23" s="17"/>
      <c r="L23" s="17"/>
      <c r="M23" s="17"/>
    </row>
    <row r="24" spans="1:13">
      <c r="A24" s="213"/>
      <c r="B24" s="214"/>
      <c r="C24" s="214"/>
      <c r="D24" s="214"/>
      <c r="E24" s="214"/>
      <c r="F24" s="214"/>
      <c r="G24" s="214"/>
      <c r="H24" s="214"/>
      <c r="I24" s="214"/>
      <c r="J24" s="215"/>
      <c r="K24" s="17"/>
      <c r="L24" s="17"/>
      <c r="M24" s="17"/>
    </row>
    <row r="25" spans="1:13">
      <c r="A25" s="213"/>
      <c r="B25" s="214"/>
      <c r="C25" s="214"/>
      <c r="D25" s="214"/>
      <c r="E25" s="214"/>
      <c r="F25" s="214"/>
      <c r="G25" s="214"/>
      <c r="H25" s="214"/>
      <c r="I25" s="214"/>
      <c r="J25" s="215"/>
      <c r="K25" s="17"/>
      <c r="L25" s="17"/>
      <c r="M25" s="17"/>
    </row>
    <row r="26" spans="1:13">
      <c r="A26" s="213"/>
      <c r="B26" s="214"/>
      <c r="C26" s="214"/>
      <c r="D26" s="214"/>
      <c r="E26" s="214"/>
      <c r="F26" s="214"/>
      <c r="G26" s="214"/>
      <c r="H26" s="214"/>
      <c r="I26" s="214"/>
      <c r="J26" s="215"/>
      <c r="K26" s="17"/>
      <c r="L26" s="17"/>
      <c r="M26" s="17"/>
    </row>
    <row r="27" spans="1:13">
      <c r="A27" s="213"/>
      <c r="B27" s="214"/>
      <c r="C27" s="214"/>
      <c r="D27" s="214"/>
      <c r="E27" s="214"/>
      <c r="F27" s="214"/>
      <c r="G27" s="214"/>
      <c r="H27" s="214"/>
      <c r="I27" s="214"/>
      <c r="J27" s="215"/>
      <c r="K27" s="17"/>
      <c r="L27" s="17"/>
      <c r="M27" s="17"/>
    </row>
    <row r="28" spans="1:13">
      <c r="A28" s="213"/>
      <c r="B28" s="214"/>
      <c r="C28" s="214"/>
      <c r="D28" s="214"/>
      <c r="E28" s="214"/>
      <c r="F28" s="214"/>
      <c r="G28" s="214"/>
      <c r="H28" s="214"/>
      <c r="I28" s="214"/>
      <c r="J28" s="215"/>
      <c r="K28" s="17"/>
      <c r="L28" s="17"/>
      <c r="M28" s="17"/>
    </row>
    <row r="29" spans="1:13">
      <c r="A29" s="213"/>
      <c r="B29" s="214"/>
      <c r="C29" s="214"/>
      <c r="D29" s="214"/>
      <c r="E29" s="214"/>
      <c r="F29" s="214"/>
      <c r="G29" s="214"/>
      <c r="H29" s="214"/>
      <c r="I29" s="214"/>
      <c r="J29" s="215"/>
      <c r="K29" s="17"/>
      <c r="L29" s="17"/>
      <c r="M29" s="17"/>
    </row>
    <row r="30" spans="1:13">
      <c r="A30" s="230" t="s">
        <v>571</v>
      </c>
      <c r="B30" s="231"/>
      <c r="C30" s="231"/>
      <c r="D30" s="231"/>
      <c r="E30" s="231"/>
      <c r="F30" s="231"/>
      <c r="G30" s="231"/>
      <c r="H30" s="231"/>
      <c r="I30" s="231"/>
      <c r="J30" s="232"/>
      <c r="K30" s="17"/>
      <c r="L30" s="17"/>
      <c r="M30" s="17"/>
    </row>
    <row r="31" spans="1:13">
      <c r="A31" s="233" t="s">
        <v>572</v>
      </c>
      <c r="B31" s="234"/>
      <c r="C31" s="234"/>
      <c r="D31" s="234"/>
      <c r="E31" s="237" t="str">
        <f>IF(OR(ISBLANK(A33)=TRUE,ISBLANK(B33)=TRUE,ISBLANK(A35)=TRUE,ISBLANK(B35)=TRUE),"THIS AREA IS MANDATORY; you must fill it out.","")</f>
        <v>THIS AREA IS MANDATORY; you must fill it out.</v>
      </c>
      <c r="F31" s="237"/>
      <c r="G31" s="237"/>
      <c r="H31" s="237"/>
      <c r="I31" s="237"/>
      <c r="J31" s="238"/>
      <c r="K31" s="17"/>
      <c r="L31" s="17"/>
      <c r="M31" s="17"/>
    </row>
    <row r="32" spans="1:13" ht="30.75" customHeight="1">
      <c r="A32" s="235"/>
      <c r="B32" s="236"/>
      <c r="C32" s="236"/>
      <c r="D32" s="236"/>
      <c r="E32" s="239"/>
      <c r="F32" s="239"/>
      <c r="G32" s="239"/>
      <c r="H32" s="239"/>
      <c r="I32" s="239"/>
      <c r="J32" s="240"/>
      <c r="K32" s="17"/>
      <c r="L32" s="17"/>
      <c r="M32" s="17"/>
    </row>
    <row r="33" spans="1:13" ht="9" customHeight="1">
      <c r="A33" s="241" t="s">
        <v>573</v>
      </c>
      <c r="B33" s="236"/>
      <c r="C33" s="236"/>
      <c r="D33" s="236"/>
      <c r="E33" s="236"/>
      <c r="F33" s="236"/>
      <c r="G33" s="236"/>
      <c r="H33" s="236"/>
      <c r="I33" s="236"/>
      <c r="J33" s="242"/>
      <c r="K33" s="17"/>
      <c r="L33" s="17"/>
      <c r="M33" s="17"/>
    </row>
    <row r="34" spans="1:13" ht="37.5" customHeight="1">
      <c r="A34" s="243"/>
      <c r="B34" s="244"/>
      <c r="C34" s="244"/>
      <c r="D34" s="244"/>
      <c r="E34" s="244"/>
      <c r="F34" s="244"/>
      <c r="G34" s="244"/>
      <c r="H34" s="244"/>
      <c r="I34" s="244"/>
      <c r="J34" s="245"/>
      <c r="K34" s="17"/>
      <c r="L34" s="17"/>
      <c r="M34" s="17"/>
    </row>
    <row r="35" spans="1:13">
      <c r="A35" s="246"/>
      <c r="B35" s="247"/>
      <c r="C35" s="247"/>
      <c r="D35" s="247"/>
      <c r="E35" s="247"/>
      <c r="F35" s="247"/>
      <c r="G35" s="247"/>
      <c r="H35" s="247"/>
      <c r="I35" s="247"/>
      <c r="J35" s="248"/>
      <c r="K35" s="17"/>
      <c r="L35" s="17"/>
      <c r="M35" s="17"/>
    </row>
    <row r="36" spans="1:13">
      <c r="A36" s="136" t="s">
        <v>574</v>
      </c>
      <c r="B36" s="249" t="s">
        <v>575</v>
      </c>
      <c r="C36" s="250"/>
      <c r="D36" s="250"/>
      <c r="E36" s="250"/>
      <c r="F36" s="250"/>
      <c r="G36" s="250"/>
      <c r="H36" s="250"/>
      <c r="I36" s="250"/>
      <c r="J36" s="251"/>
      <c r="K36" s="17"/>
      <c r="L36" s="17"/>
      <c r="M36" s="17"/>
    </row>
    <row r="37" spans="1:13">
      <c r="A37" s="2"/>
      <c r="J37" s="137"/>
      <c r="K37" s="17"/>
      <c r="L37" s="17"/>
      <c r="M37" s="17"/>
    </row>
    <row r="38" spans="1:13">
      <c r="A38" s="27"/>
      <c r="B38" s="17"/>
      <c r="C38" s="17"/>
      <c r="D38" s="17"/>
      <c r="E38" s="17"/>
      <c r="F38" s="17"/>
      <c r="G38" s="17"/>
      <c r="H38" s="17"/>
      <c r="I38" s="17"/>
      <c r="J38" s="103"/>
      <c r="K38" s="17"/>
      <c r="L38" s="17"/>
      <c r="M38" s="17"/>
    </row>
    <row r="39" spans="1:13">
      <c r="A39" s="216" t="s">
        <v>312</v>
      </c>
      <c r="B39" s="217"/>
      <c r="C39" s="217"/>
      <c r="D39" s="217"/>
      <c r="E39" s="217"/>
      <c r="F39" s="217"/>
      <c r="G39" s="217"/>
      <c r="H39" s="217"/>
      <c r="I39" s="217"/>
      <c r="J39" s="218"/>
      <c r="K39" s="17"/>
      <c r="L39" s="17"/>
      <c r="M39" s="17"/>
    </row>
    <row r="40" spans="1:13">
      <c r="A40" s="183" t="s">
        <v>303</v>
      </c>
      <c r="B40" s="219" t="s">
        <v>304</v>
      </c>
      <c r="C40" s="208"/>
      <c r="D40" s="208"/>
      <c r="E40" s="204" t="str">
        <f>IF(OR(ISBLANK(A42)=TRUE,ISBLANK(B42)=TRUE,ISBLANK(A43)=TRUE,ISBLANK(B43)=TRUE),"THIS AREA IS MANDATORY; you must fill it out.","")</f>
        <v>THIS AREA IS MANDATORY; you must fill it out.</v>
      </c>
      <c r="F40" s="204"/>
      <c r="G40" s="204"/>
      <c r="H40" s="204"/>
      <c r="I40" s="204"/>
      <c r="J40" s="205"/>
      <c r="K40" s="17"/>
      <c r="L40" s="17"/>
      <c r="M40" s="17"/>
    </row>
    <row r="41" spans="1:13">
      <c r="A41" s="184"/>
      <c r="B41" s="220"/>
      <c r="C41" s="209"/>
      <c r="D41" s="209"/>
      <c r="E41" s="206"/>
      <c r="F41" s="206"/>
      <c r="G41" s="206"/>
      <c r="H41" s="206"/>
      <c r="I41" s="206"/>
      <c r="J41" s="207"/>
      <c r="K41" s="17"/>
      <c r="L41" s="17"/>
      <c r="M41" s="17"/>
    </row>
    <row r="42" spans="1:13">
      <c r="A42" s="111"/>
      <c r="B42" s="189"/>
      <c r="C42" s="189"/>
      <c r="D42" s="189"/>
      <c r="E42" s="189"/>
      <c r="F42" s="189"/>
      <c r="G42" s="189"/>
      <c r="H42" s="189"/>
      <c r="I42" s="189"/>
      <c r="J42" s="190"/>
      <c r="K42" s="17"/>
      <c r="L42" s="17"/>
      <c r="M42" s="17"/>
    </row>
    <row r="43" spans="1:13">
      <c r="A43" s="111"/>
      <c r="B43" s="189"/>
      <c r="C43" s="189"/>
      <c r="D43" s="189"/>
      <c r="E43" s="189"/>
      <c r="F43" s="189"/>
      <c r="G43" s="189"/>
      <c r="H43" s="189"/>
      <c r="I43" s="189"/>
      <c r="J43" s="190"/>
      <c r="K43" s="17"/>
      <c r="L43" s="17"/>
      <c r="M43" s="17"/>
    </row>
    <row r="44" spans="1:13">
      <c r="A44" s="112" t="s">
        <v>300</v>
      </c>
      <c r="B44" s="113" t="s">
        <v>313</v>
      </c>
      <c r="C44" s="17"/>
      <c r="D44" s="17"/>
      <c r="E44" s="17"/>
      <c r="F44" s="17"/>
      <c r="G44" s="17"/>
      <c r="H44" s="17"/>
      <c r="I44" s="17"/>
      <c r="J44" s="103"/>
      <c r="K44" s="17"/>
      <c r="L44" s="17"/>
      <c r="M44" s="17"/>
    </row>
    <row r="45" spans="1:13">
      <c r="A45" s="114"/>
      <c r="B45" s="115"/>
      <c r="C45" s="115"/>
      <c r="D45" s="115"/>
      <c r="E45" s="115"/>
      <c r="F45" s="115"/>
      <c r="G45" s="115"/>
      <c r="H45" s="115"/>
      <c r="I45" s="115"/>
      <c r="J45" s="116"/>
      <c r="K45" s="17"/>
      <c r="L45" s="17"/>
      <c r="M45" s="17"/>
    </row>
    <row r="46" spans="1:13">
      <c r="A46" s="179" t="s">
        <v>305</v>
      </c>
      <c r="B46" s="180"/>
      <c r="C46" s="180"/>
      <c r="D46" s="180"/>
      <c r="E46" s="181" t="str">
        <f>IF(ISBLANK(A47)=TRUE,"THIS AREA IS MANDATORY; you must fill it out.","")</f>
        <v>THIS AREA IS MANDATORY; you must fill it out.</v>
      </c>
      <c r="F46" s="181"/>
      <c r="G46" s="181"/>
      <c r="H46" s="181"/>
      <c r="I46" s="181"/>
      <c r="J46" s="182"/>
      <c r="K46" s="17"/>
      <c r="L46" s="17"/>
      <c r="M46" s="17"/>
    </row>
    <row r="47" spans="1:13">
      <c r="A47" s="221"/>
      <c r="B47" s="222"/>
      <c r="C47" s="222"/>
      <c r="D47" s="222"/>
      <c r="E47" s="222"/>
      <c r="F47" s="222"/>
      <c r="G47" s="222"/>
      <c r="H47" s="222"/>
      <c r="I47" s="222"/>
      <c r="J47" s="223"/>
      <c r="K47" s="17"/>
      <c r="L47" s="17"/>
      <c r="M47" s="17"/>
    </row>
    <row r="48" spans="1:13">
      <c r="A48" s="224"/>
      <c r="B48" s="225"/>
      <c r="C48" s="225"/>
      <c r="D48" s="225"/>
      <c r="E48" s="225"/>
      <c r="F48" s="225"/>
      <c r="G48" s="225"/>
      <c r="H48" s="225"/>
      <c r="I48" s="225"/>
      <c r="J48" s="226"/>
      <c r="K48" s="17"/>
      <c r="L48" s="17"/>
      <c r="M48" s="17"/>
    </row>
    <row r="49" spans="1:13">
      <c r="A49" s="224"/>
      <c r="B49" s="225"/>
      <c r="C49" s="225"/>
      <c r="D49" s="225"/>
      <c r="E49" s="225"/>
      <c r="F49" s="225"/>
      <c r="G49" s="225"/>
      <c r="H49" s="225"/>
      <c r="I49" s="225"/>
      <c r="J49" s="226"/>
      <c r="K49" s="17"/>
      <c r="L49" s="17"/>
      <c r="M49" s="17"/>
    </row>
    <row r="50" spans="1:13">
      <c r="A50" s="224"/>
      <c r="B50" s="225"/>
      <c r="C50" s="225"/>
      <c r="D50" s="225"/>
      <c r="E50" s="225"/>
      <c r="F50" s="225"/>
      <c r="G50" s="225"/>
      <c r="H50" s="225"/>
      <c r="I50" s="225"/>
      <c r="J50" s="226"/>
      <c r="K50" s="17"/>
      <c r="L50" s="17"/>
      <c r="M50" s="17"/>
    </row>
    <row r="51" spans="1:13">
      <c r="A51" s="224"/>
      <c r="B51" s="225"/>
      <c r="C51" s="225"/>
      <c r="D51" s="225"/>
      <c r="E51" s="225"/>
      <c r="F51" s="225"/>
      <c r="G51" s="225"/>
      <c r="H51" s="225"/>
      <c r="I51" s="225"/>
      <c r="J51" s="226"/>
      <c r="K51" s="17"/>
      <c r="L51" s="17"/>
      <c r="M51" s="17"/>
    </row>
    <row r="52" spans="1:13">
      <c r="A52" s="224"/>
      <c r="B52" s="225"/>
      <c r="C52" s="225"/>
      <c r="D52" s="225"/>
      <c r="E52" s="225"/>
      <c r="F52" s="225"/>
      <c r="G52" s="225"/>
      <c r="H52" s="225"/>
      <c r="I52" s="225"/>
      <c r="J52" s="226"/>
      <c r="K52" s="17"/>
      <c r="L52" s="17"/>
      <c r="M52" s="17"/>
    </row>
    <row r="53" spans="1:13">
      <c r="A53" s="224"/>
      <c r="B53" s="225"/>
      <c r="C53" s="225"/>
      <c r="D53" s="225"/>
      <c r="E53" s="225"/>
      <c r="F53" s="225"/>
      <c r="G53" s="225"/>
      <c r="H53" s="225"/>
      <c r="I53" s="225"/>
      <c r="J53" s="226"/>
      <c r="K53" s="17"/>
      <c r="L53" s="17"/>
      <c r="M53" s="17"/>
    </row>
    <row r="54" spans="1:13" ht="15.75" thickBot="1">
      <c r="A54" s="227"/>
      <c r="B54" s="228"/>
      <c r="C54" s="228"/>
      <c r="D54" s="228"/>
      <c r="E54" s="228"/>
      <c r="F54" s="228"/>
      <c r="G54" s="228"/>
      <c r="H54" s="228"/>
      <c r="I54" s="228"/>
      <c r="J54" s="229"/>
      <c r="K54" s="17"/>
      <c r="L54" s="17"/>
      <c r="M54" s="17"/>
    </row>
    <row r="55" spans="1:13">
      <c r="A55" s="27"/>
      <c r="B55" s="17"/>
      <c r="C55" s="17"/>
      <c r="D55" s="17"/>
      <c r="E55" s="17"/>
      <c r="F55" s="17"/>
      <c r="G55" s="17"/>
      <c r="H55" s="17"/>
      <c r="I55" s="17"/>
      <c r="J55" s="103"/>
      <c r="K55" s="17"/>
      <c r="L55" s="17"/>
      <c r="M55" s="17"/>
    </row>
    <row r="56" spans="1:13" ht="15.75" thickBot="1">
      <c r="A56" s="27"/>
      <c r="B56" s="17"/>
      <c r="C56" s="17"/>
      <c r="D56" s="17"/>
      <c r="E56" s="17"/>
      <c r="F56" s="17"/>
      <c r="G56" s="17"/>
      <c r="H56" s="17"/>
      <c r="I56" s="17"/>
      <c r="J56" s="103"/>
      <c r="K56" s="17"/>
      <c r="L56" s="17"/>
      <c r="M56" s="17"/>
    </row>
    <row r="57" spans="1:13" ht="20.25">
      <c r="A57" s="108" t="s">
        <v>254</v>
      </c>
      <c r="B57" s="109"/>
      <c r="C57" s="109"/>
      <c r="D57" s="109"/>
      <c r="E57" s="109"/>
      <c r="F57" s="109"/>
      <c r="G57" s="109"/>
      <c r="H57" s="109"/>
      <c r="I57" s="109"/>
      <c r="J57" s="117"/>
      <c r="K57" s="17"/>
      <c r="L57" s="17"/>
      <c r="M57" s="17"/>
    </row>
    <row r="58" spans="1:13">
      <c r="A58" s="221"/>
      <c r="B58" s="222"/>
      <c r="C58" s="222"/>
      <c r="D58" s="222"/>
      <c r="E58" s="222"/>
      <c r="F58" s="222"/>
      <c r="G58" s="222"/>
      <c r="H58" s="222"/>
      <c r="I58" s="222"/>
      <c r="J58" s="223"/>
      <c r="K58" s="17"/>
      <c r="L58" s="17"/>
      <c r="M58" s="17"/>
    </row>
    <row r="59" spans="1:13">
      <c r="A59" s="224"/>
      <c r="B59" s="225"/>
      <c r="C59" s="225"/>
      <c r="D59" s="225"/>
      <c r="E59" s="225"/>
      <c r="F59" s="225"/>
      <c r="G59" s="225"/>
      <c r="H59" s="225"/>
      <c r="I59" s="225"/>
      <c r="J59" s="226"/>
      <c r="K59" s="17"/>
      <c r="L59" s="17"/>
      <c r="M59" s="17"/>
    </row>
    <row r="60" spans="1:13">
      <c r="A60" s="224"/>
      <c r="B60" s="225"/>
      <c r="C60" s="225"/>
      <c r="D60" s="225"/>
      <c r="E60" s="225"/>
      <c r="F60" s="225"/>
      <c r="G60" s="225"/>
      <c r="H60" s="225"/>
      <c r="I60" s="225"/>
      <c r="J60" s="226"/>
      <c r="K60" s="17"/>
      <c r="L60" s="17"/>
      <c r="M60" s="17"/>
    </row>
    <row r="61" spans="1:13">
      <c r="A61" s="224"/>
      <c r="B61" s="225"/>
      <c r="C61" s="225"/>
      <c r="D61" s="225"/>
      <c r="E61" s="225"/>
      <c r="F61" s="225"/>
      <c r="G61" s="225"/>
      <c r="H61" s="225"/>
      <c r="I61" s="225"/>
      <c r="J61" s="226"/>
      <c r="K61" s="17"/>
      <c r="L61" s="17"/>
      <c r="M61" s="17"/>
    </row>
    <row r="62" spans="1:13">
      <c r="A62" s="224"/>
      <c r="B62" s="225"/>
      <c r="C62" s="225"/>
      <c r="D62" s="225"/>
      <c r="E62" s="225"/>
      <c r="F62" s="225"/>
      <c r="G62" s="225"/>
      <c r="H62" s="225"/>
      <c r="I62" s="225"/>
      <c r="J62" s="226"/>
      <c r="K62" s="17"/>
      <c r="L62" s="17"/>
      <c r="M62" s="17"/>
    </row>
    <row r="63" spans="1:13">
      <c r="A63" s="224"/>
      <c r="B63" s="225"/>
      <c r="C63" s="225"/>
      <c r="D63" s="225"/>
      <c r="E63" s="225"/>
      <c r="F63" s="225"/>
      <c r="G63" s="225"/>
      <c r="H63" s="225"/>
      <c r="I63" s="225"/>
      <c r="J63" s="226"/>
      <c r="K63" s="17"/>
      <c r="L63" s="17"/>
      <c r="M63" s="17"/>
    </row>
    <row r="64" spans="1:13">
      <c r="A64" s="224"/>
      <c r="B64" s="225"/>
      <c r="C64" s="225"/>
      <c r="D64" s="225"/>
      <c r="E64" s="225"/>
      <c r="F64" s="225"/>
      <c r="G64" s="225"/>
      <c r="H64" s="225"/>
      <c r="I64" s="225"/>
      <c r="J64" s="226"/>
      <c r="K64" s="17"/>
      <c r="L64" s="17"/>
      <c r="M64" s="17"/>
    </row>
    <row r="65" spans="1:13" ht="15.75" thickBot="1">
      <c r="A65" s="227"/>
      <c r="B65" s="228"/>
      <c r="C65" s="228"/>
      <c r="D65" s="228"/>
      <c r="E65" s="228"/>
      <c r="F65" s="228"/>
      <c r="G65" s="228"/>
      <c r="H65" s="228"/>
      <c r="I65" s="228"/>
      <c r="J65" s="229"/>
      <c r="K65" s="17"/>
      <c r="L65" s="17"/>
      <c r="M65" s="17"/>
    </row>
    <row r="66" spans="1:13">
      <c r="A66" s="27"/>
      <c r="B66" s="17"/>
      <c r="C66" s="17"/>
      <c r="D66" s="17"/>
      <c r="E66" s="17"/>
      <c r="F66" s="17"/>
      <c r="G66" s="17"/>
      <c r="H66" s="17"/>
      <c r="I66" s="17"/>
      <c r="J66" s="103"/>
      <c r="K66" s="17"/>
      <c r="L66" s="17"/>
      <c r="M66" s="17"/>
    </row>
    <row r="67" spans="1:13" ht="15.75" thickBot="1">
      <c r="A67" s="27"/>
      <c r="B67" s="17"/>
      <c r="C67" s="17"/>
      <c r="D67" s="17"/>
      <c r="E67" s="17"/>
      <c r="F67" s="17"/>
      <c r="G67" s="17"/>
      <c r="H67" s="17"/>
      <c r="I67" s="17"/>
      <c r="J67" s="103"/>
      <c r="K67" s="17"/>
      <c r="L67" s="17"/>
      <c r="M67" s="17"/>
    </row>
    <row r="68" spans="1:13" ht="20.25">
      <c r="A68" s="118" t="s">
        <v>255</v>
      </c>
      <c r="B68" s="119"/>
      <c r="C68" s="119"/>
      <c r="D68" s="119"/>
      <c r="E68" s="119"/>
      <c r="F68" s="119"/>
      <c r="G68" s="119"/>
      <c r="H68" s="120"/>
      <c r="I68" s="121" t="s">
        <v>257</v>
      </c>
      <c r="J68" s="122"/>
      <c r="K68" s="17"/>
      <c r="L68" s="17"/>
      <c r="M68" s="17"/>
    </row>
    <row r="69" spans="1:13">
      <c r="A69" s="123" t="s">
        <v>256</v>
      </c>
      <c r="B69" s="17"/>
      <c r="C69" s="17"/>
      <c r="D69" s="17"/>
      <c r="E69" s="17"/>
      <c r="F69" s="17"/>
      <c r="G69" s="17"/>
      <c r="H69" s="17"/>
      <c r="I69" s="17"/>
      <c r="J69" s="103"/>
      <c r="K69" s="17"/>
      <c r="L69" s="17"/>
      <c r="M69" s="17"/>
    </row>
    <row r="70" spans="1:13">
      <c r="A70" s="221"/>
      <c r="B70" s="222"/>
      <c r="C70" s="222"/>
      <c r="D70" s="222"/>
      <c r="E70" s="222"/>
      <c r="F70" s="222"/>
      <c r="G70" s="222"/>
      <c r="H70" s="222"/>
      <c r="I70" s="222"/>
      <c r="J70" s="223"/>
    </row>
    <row r="71" spans="1:13">
      <c r="A71" s="224"/>
      <c r="B71" s="225"/>
      <c r="C71" s="225"/>
      <c r="D71" s="225"/>
      <c r="E71" s="225"/>
      <c r="F71" s="225"/>
      <c r="G71" s="225"/>
      <c r="H71" s="225"/>
      <c r="I71" s="225"/>
      <c r="J71" s="226"/>
    </row>
    <row r="72" spans="1:13">
      <c r="A72" s="224"/>
      <c r="B72" s="225"/>
      <c r="C72" s="225"/>
      <c r="D72" s="225"/>
      <c r="E72" s="225"/>
      <c r="F72" s="225"/>
      <c r="G72" s="225"/>
      <c r="H72" s="225"/>
      <c r="I72" s="225"/>
      <c r="J72" s="226"/>
    </row>
    <row r="73" spans="1:13" ht="21.6" customHeight="1">
      <c r="A73" s="224"/>
      <c r="B73" s="225"/>
      <c r="C73" s="225"/>
      <c r="D73" s="225"/>
      <c r="E73" s="225"/>
      <c r="F73" s="225"/>
      <c r="G73" s="225"/>
      <c r="H73" s="225"/>
      <c r="I73" s="225"/>
      <c r="J73" s="226"/>
    </row>
    <row r="74" spans="1:13">
      <c r="A74" s="224"/>
      <c r="B74" s="225"/>
      <c r="C74" s="225"/>
      <c r="D74" s="225"/>
      <c r="E74" s="225"/>
      <c r="F74" s="225"/>
      <c r="G74" s="225"/>
      <c r="H74" s="225"/>
      <c r="I74" s="225"/>
      <c r="J74" s="226"/>
    </row>
    <row r="75" spans="1:13">
      <c r="A75" s="224"/>
      <c r="B75" s="225"/>
      <c r="C75" s="225"/>
      <c r="D75" s="225"/>
      <c r="E75" s="225"/>
      <c r="F75" s="225"/>
      <c r="G75" s="225"/>
      <c r="H75" s="225"/>
      <c r="I75" s="225"/>
      <c r="J75" s="226"/>
    </row>
    <row r="76" spans="1:13">
      <c r="A76" s="224"/>
      <c r="B76" s="225"/>
      <c r="C76" s="225"/>
      <c r="D76" s="225"/>
      <c r="E76" s="225"/>
      <c r="F76" s="225"/>
      <c r="G76" s="225"/>
      <c r="H76" s="225"/>
      <c r="I76" s="225"/>
      <c r="J76" s="226"/>
    </row>
    <row r="77" spans="1:13" ht="15.75" thickBot="1">
      <c r="A77" s="227"/>
      <c r="B77" s="228"/>
      <c r="C77" s="228"/>
      <c r="D77" s="228"/>
      <c r="E77" s="228"/>
      <c r="F77" s="228"/>
      <c r="G77" s="228"/>
      <c r="H77" s="228"/>
      <c r="I77" s="228"/>
      <c r="J77" s="229"/>
    </row>
    <row r="78" spans="1:13">
      <c r="A78" s="2"/>
    </row>
    <row r="79" spans="1:13">
      <c r="A79" s="2"/>
    </row>
    <row r="80" spans="1:13">
      <c r="A80"/>
      <c r="B80"/>
      <c r="C80"/>
      <c r="D80"/>
      <c r="E80"/>
      <c r="F80"/>
      <c r="G80"/>
      <c r="H80"/>
      <c r="I80"/>
    </row>
    <row r="81" spans="1:10">
      <c r="A81"/>
      <c r="B81"/>
      <c r="C81"/>
      <c r="D81"/>
      <c r="E81"/>
      <c r="F81"/>
      <c r="G81"/>
      <c r="H81"/>
      <c r="I81"/>
      <c r="J81"/>
    </row>
  </sheetData>
  <sheetProtection algorithmName="SHA-512" hashValue="HOsBJxLW63GEKxilXPrKaQGqZRoRRNxS2Prd2jj2pFdVN8Pad76At0q2qTV0H/+zCo837ipJs2CLYFDsM4nKBg==" saltValue="pQBwHdbEbT7+kLmMPGhbKg==" spinCount="100000" sheet="1" objects="1" scenarios="1" selectLockedCells="1"/>
  <mergeCells count="29">
    <mergeCell ref="A70:J77"/>
    <mergeCell ref="A58:J65"/>
    <mergeCell ref="A47:J54"/>
    <mergeCell ref="A30:J30"/>
    <mergeCell ref="A31:D32"/>
    <mergeCell ref="E31:J32"/>
    <mergeCell ref="A33:J34"/>
    <mergeCell ref="A35:J35"/>
    <mergeCell ref="B36:J36"/>
    <mergeCell ref="A1:J1"/>
    <mergeCell ref="A2:J2"/>
    <mergeCell ref="B8:J8"/>
    <mergeCell ref="B9:J9"/>
    <mergeCell ref="B10:J10"/>
    <mergeCell ref="H13:I13"/>
    <mergeCell ref="A46:D46"/>
    <mergeCell ref="E46:J46"/>
    <mergeCell ref="A40:A41"/>
    <mergeCell ref="A3:J6"/>
    <mergeCell ref="B42:J42"/>
    <mergeCell ref="B43:J43"/>
    <mergeCell ref="B11:J11"/>
    <mergeCell ref="E14:J14"/>
    <mergeCell ref="E40:J41"/>
    <mergeCell ref="C40:D41"/>
    <mergeCell ref="A16:J16"/>
    <mergeCell ref="A17:J29"/>
    <mergeCell ref="A39:J39"/>
    <mergeCell ref="B40:B41"/>
  </mergeCells>
  <dataValidations count="7">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42 A35" xr:uid="{00000000-0002-0000-0100-000002000000}">
      <formula1>0</formula1>
      <formula2>99999</formula2>
    </dataValidation>
    <dataValidation type="whole" allowBlank="1" showInputMessage="1" showErrorMessage="1" promptTitle="Mandatory" prompt="Field must be filled." sqref="A43" xr:uid="{00000000-0002-0000-0100-000003000000}">
      <formula1>0</formula1>
      <formula2>99999</formula2>
    </dataValidation>
    <dataValidation type="textLength" operator="lessThan" allowBlank="1" showInputMessage="1" showErrorMessage="1" promptTitle="Mandatory" prompt="Field must be filled." sqref="B42:J43" xr:uid="{00000000-0002-0000-0100-000004000000}">
      <formula1>76</formula1>
    </dataValidation>
    <dataValidation type="textLength" operator="lessThan" allowBlank="1" showInputMessage="1" showErrorMessage="1" promptTitle="Mandatory" prompt="FIeld must be filled." sqref="A47:J54" xr:uid="{00000000-0002-0000-0100-000005000000}">
      <formula1>501</formula1>
    </dataValidation>
    <dataValidation type="textLength" operator="lessThan" allowBlank="1" showInputMessage="1" showErrorMessage="1" sqref="A70:J77" xr:uid="{00000000-0002-0000-0100-000006000000}">
      <formula1>501</formula1>
    </dataValidation>
  </dataValidations>
  <hyperlinks>
    <hyperlink ref="B44" r:id="rId1" xr:uid="{00000000-0004-0000-0100-000000000000}"/>
    <hyperlink ref="B36" r:id="rId2" xr:uid="{E09F5705-156C-4EDA-BAF6-3C78F1AE0DD1}"/>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8</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40"/>
  <sheetViews>
    <sheetView showGridLines="0" zoomScale="70" zoomScaleNormal="70" workbookViewId="0">
      <selection activeCell="C17" sqref="C17:F17"/>
    </sheetView>
  </sheetViews>
  <sheetFormatPr defaultColWidth="8.42578125" defaultRowHeight="15"/>
  <cols>
    <col min="2" max="2" width="10.85546875" customWidth="1"/>
  </cols>
  <sheetData>
    <row r="1" spans="1:18" ht="28.5">
      <c r="A1" s="257" t="s">
        <v>309</v>
      </c>
      <c r="B1" s="258"/>
      <c r="C1" s="258"/>
      <c r="D1" s="258"/>
      <c r="E1" s="258"/>
      <c r="F1" s="258"/>
      <c r="G1" s="258"/>
      <c r="H1" s="258"/>
      <c r="I1" s="258"/>
      <c r="J1" s="259"/>
    </row>
    <row r="2" spans="1:18" ht="24" thickBot="1">
      <c r="A2" s="260" t="s">
        <v>341</v>
      </c>
      <c r="B2" s="261"/>
      <c r="C2" s="261"/>
      <c r="D2" s="261"/>
      <c r="E2" s="261"/>
      <c r="F2" s="261"/>
      <c r="G2" s="261"/>
      <c r="H2" s="261"/>
      <c r="I2" s="261"/>
      <c r="J2" s="262"/>
    </row>
    <row r="3" spans="1:18" ht="15.75" thickBot="1">
      <c r="A3" s="6"/>
      <c r="J3" s="4"/>
    </row>
    <row r="4" spans="1:18" ht="15.75" thickBot="1">
      <c r="A4" s="263" t="s">
        <v>296</v>
      </c>
      <c r="B4" s="264"/>
      <c r="C4" s="264"/>
      <c r="D4" s="264"/>
      <c r="E4" s="264"/>
      <c r="F4" s="264"/>
      <c r="G4" s="264"/>
      <c r="H4" s="264"/>
      <c r="I4" s="264"/>
      <c r="J4" s="265"/>
    </row>
    <row r="5" spans="1:18">
      <c r="A5" s="266" t="e">
        <f>#REF!</f>
        <v>#REF!</v>
      </c>
      <c r="B5" s="267"/>
      <c r="C5" s="267"/>
      <c r="D5" s="267"/>
      <c r="E5" s="267"/>
      <c r="F5" s="267"/>
      <c r="G5" s="267"/>
      <c r="H5" s="267"/>
      <c r="I5" s="267"/>
      <c r="J5" s="268"/>
    </row>
    <row r="6" spans="1:18" ht="15.75" thickBot="1">
      <c r="A6" s="7"/>
      <c r="J6" s="4"/>
    </row>
    <row r="7" spans="1:18" ht="15.75" thickBot="1">
      <c r="A7" s="263" t="s">
        <v>301</v>
      </c>
      <c r="B7" s="264"/>
      <c r="C7" s="264"/>
      <c r="D7" s="264"/>
      <c r="E7" s="264"/>
      <c r="F7" s="264"/>
      <c r="G7" s="264"/>
      <c r="H7" s="264"/>
      <c r="I7" s="264"/>
      <c r="J7" s="265"/>
    </row>
    <row r="8" spans="1:18" ht="15.75" customHeight="1" thickBot="1">
      <c r="A8" s="266" t="e">
        <f>#REF!</f>
        <v>#REF!</v>
      </c>
      <c r="B8" s="267"/>
      <c r="C8" s="267"/>
      <c r="D8" s="267"/>
      <c r="E8" s="267"/>
      <c r="F8" s="267"/>
      <c r="G8" s="267"/>
      <c r="H8" s="267"/>
      <c r="I8" s="267"/>
      <c r="J8" s="268"/>
      <c r="Q8" s="16" t="s">
        <v>316</v>
      </c>
      <c r="R8" s="15"/>
    </row>
    <row r="9" spans="1:18" ht="15.75" customHeight="1" thickBot="1">
      <c r="A9" s="263" t="s">
        <v>297</v>
      </c>
      <c r="B9" s="264"/>
      <c r="C9" s="264"/>
      <c r="D9" s="264"/>
      <c r="E9" s="264"/>
      <c r="F9" s="264"/>
      <c r="G9" s="264"/>
      <c r="H9" s="264"/>
      <c r="I9" s="264"/>
      <c r="J9" s="265"/>
      <c r="Q9" s="16" t="s">
        <v>317</v>
      </c>
      <c r="R9" s="15"/>
    </row>
    <row r="10" spans="1:18" ht="15" customHeight="1">
      <c r="A10" s="266" t="e">
        <f>#REF!</f>
        <v>#REF!</v>
      </c>
      <c r="B10" s="267"/>
      <c r="C10" s="267"/>
      <c r="D10" s="267"/>
      <c r="E10" s="267"/>
      <c r="F10" s="267"/>
      <c r="G10" s="267"/>
      <c r="H10" s="267"/>
      <c r="I10" s="267"/>
      <c r="J10" s="268"/>
      <c r="Q10" s="16" t="s">
        <v>318</v>
      </c>
      <c r="R10" s="15"/>
    </row>
    <row r="11" spans="1:18" ht="15" customHeight="1">
      <c r="A11" s="7"/>
      <c r="J11" s="4"/>
      <c r="Q11" s="16" t="s">
        <v>319</v>
      </c>
      <c r="R11" s="15"/>
    </row>
    <row r="12" spans="1:18" ht="165.75" customHeight="1">
      <c r="A12" s="269" t="s">
        <v>306</v>
      </c>
      <c r="B12" s="270"/>
      <c r="C12" s="270"/>
      <c r="D12" s="270"/>
      <c r="E12" s="270"/>
      <c r="F12" s="270"/>
      <c r="G12" s="270"/>
      <c r="H12" s="270"/>
      <c r="I12" s="270"/>
      <c r="J12" s="271"/>
      <c r="Q12" s="16" t="s">
        <v>320</v>
      </c>
      <c r="R12" s="15"/>
    </row>
    <row r="13" spans="1:18" ht="15" customHeight="1">
      <c r="A13" s="7"/>
      <c r="J13" s="4"/>
      <c r="Q13" s="16" t="s">
        <v>321</v>
      </c>
      <c r="R13" s="14"/>
    </row>
    <row r="14" spans="1:18" ht="15" customHeight="1">
      <c r="A14" s="7"/>
      <c r="J14" s="4"/>
      <c r="Q14" s="16" t="s">
        <v>323</v>
      </c>
      <c r="R14" s="15"/>
    </row>
    <row r="15" spans="1:18" ht="23.25" customHeight="1">
      <c r="A15" s="272" t="s">
        <v>315</v>
      </c>
      <c r="B15" s="273"/>
      <c r="C15" s="273"/>
      <c r="D15" s="273"/>
      <c r="E15" s="273"/>
      <c r="F15" s="273"/>
      <c r="G15" s="273"/>
      <c r="H15" s="273"/>
      <c r="I15" s="273"/>
      <c r="J15" s="274"/>
      <c r="Q15" s="16" t="s">
        <v>324</v>
      </c>
      <c r="R15" s="15"/>
    </row>
    <row r="16" spans="1:18" ht="89.1" customHeight="1">
      <c r="A16" s="275" t="s">
        <v>302</v>
      </c>
      <c r="B16" s="276"/>
      <c r="C16" s="277" t="s">
        <v>314</v>
      </c>
      <c r="D16" s="278"/>
      <c r="E16" s="278"/>
      <c r="F16" s="278"/>
      <c r="G16" s="279" t="s">
        <v>307</v>
      </c>
      <c r="H16" s="278"/>
      <c r="I16" s="278"/>
      <c r="J16" s="280"/>
      <c r="Q16" s="16" t="s">
        <v>325</v>
      </c>
      <c r="R16" s="15"/>
    </row>
    <row r="17" spans="1:40" ht="45.6" customHeight="1">
      <c r="A17" s="281" t="s">
        <v>316</v>
      </c>
      <c r="B17" s="282"/>
      <c r="C17" s="254"/>
      <c r="D17" s="254"/>
      <c r="E17" s="254"/>
      <c r="F17" s="254"/>
      <c r="G17" s="254"/>
      <c r="H17" s="254"/>
      <c r="I17" s="254"/>
      <c r="J17" s="255"/>
      <c r="Q17" s="16" t="s">
        <v>326</v>
      </c>
      <c r="R17" s="15"/>
    </row>
    <row r="18" spans="1:40" ht="48" customHeight="1">
      <c r="A18" s="281" t="s">
        <v>317</v>
      </c>
      <c r="B18" s="282"/>
      <c r="C18" s="254"/>
      <c r="D18" s="254"/>
      <c r="E18" s="254"/>
      <c r="F18" s="254"/>
      <c r="G18" s="254"/>
      <c r="H18" s="254"/>
      <c r="I18" s="254"/>
      <c r="J18" s="255"/>
    </row>
    <row r="19" spans="1:40" ht="69.599999999999994" customHeight="1">
      <c r="A19" s="281" t="s">
        <v>318</v>
      </c>
      <c r="B19" s="282"/>
      <c r="C19" s="254"/>
      <c r="D19" s="254"/>
      <c r="E19" s="254"/>
      <c r="F19" s="254"/>
      <c r="G19" s="254"/>
      <c r="H19" s="254"/>
      <c r="I19" s="254"/>
      <c r="J19" s="255"/>
    </row>
    <row r="20" spans="1:40" ht="45" customHeight="1">
      <c r="A20" s="281" t="s">
        <v>319</v>
      </c>
      <c r="B20" s="282"/>
      <c r="C20" s="254"/>
      <c r="D20" s="254"/>
      <c r="E20" s="254"/>
      <c r="F20" s="254"/>
      <c r="G20" s="254"/>
      <c r="H20" s="254"/>
      <c r="I20" s="254"/>
      <c r="J20" s="255"/>
    </row>
    <row r="21" spans="1:40" ht="71.45" customHeight="1">
      <c r="A21" s="281" t="s">
        <v>320</v>
      </c>
      <c r="B21" s="282"/>
      <c r="C21" s="254"/>
      <c r="D21" s="254"/>
      <c r="E21" s="254"/>
      <c r="F21" s="254"/>
      <c r="G21" s="254"/>
      <c r="H21" s="254"/>
      <c r="I21" s="254"/>
      <c r="J21" s="255"/>
    </row>
    <row r="22" spans="1:40" ht="68.099999999999994" customHeight="1">
      <c r="A22" s="283" t="s">
        <v>321</v>
      </c>
      <c r="B22" s="284"/>
      <c r="C22" s="285"/>
      <c r="D22" s="286"/>
      <c r="E22" s="286"/>
      <c r="F22" s="286"/>
      <c r="G22" s="286"/>
      <c r="H22" s="286"/>
      <c r="I22" s="286"/>
      <c r="J22" s="287"/>
      <c r="O22" s="256"/>
      <c r="P22" s="256"/>
      <c r="Q22" s="256"/>
      <c r="R22" s="256"/>
      <c r="S22" s="256"/>
      <c r="T22" s="256"/>
      <c r="U22" s="256"/>
      <c r="V22" s="256"/>
      <c r="W22" s="256"/>
      <c r="X22" s="256"/>
    </row>
    <row r="23" spans="1:40" ht="20.45" customHeight="1">
      <c r="A23" s="9"/>
      <c r="B23" s="10"/>
      <c r="C23" s="11"/>
      <c r="D23" s="11"/>
      <c r="E23" s="11"/>
      <c r="F23" s="11"/>
      <c r="G23" s="11"/>
      <c r="H23" s="11"/>
      <c r="I23" s="11"/>
      <c r="J23" s="12"/>
      <c r="O23" s="256"/>
      <c r="P23" s="256"/>
      <c r="Q23" s="256"/>
      <c r="R23" s="256"/>
      <c r="S23" s="256"/>
      <c r="T23" s="256"/>
      <c r="U23" s="256"/>
      <c r="V23" s="256"/>
      <c r="W23" s="256"/>
      <c r="X23" s="256"/>
    </row>
    <row r="24" spans="1:40" ht="35.450000000000003" customHeight="1">
      <c r="A24" s="272" t="s">
        <v>322</v>
      </c>
      <c r="B24" s="273"/>
      <c r="C24" s="273"/>
      <c r="D24" s="273"/>
      <c r="E24" s="273"/>
      <c r="F24" s="273"/>
      <c r="G24" s="273"/>
      <c r="H24" s="273"/>
      <c r="I24" s="273"/>
      <c r="J24" s="274"/>
    </row>
    <row r="25" spans="1:40" ht="60.95" customHeight="1">
      <c r="A25" s="275" t="s">
        <v>302</v>
      </c>
      <c r="B25" s="276"/>
      <c r="C25" s="277" t="s">
        <v>314</v>
      </c>
      <c r="D25" s="278"/>
      <c r="E25" s="278"/>
      <c r="F25" s="278"/>
      <c r="G25" s="279" t="s">
        <v>307</v>
      </c>
      <c r="H25" s="278"/>
      <c r="I25" s="278"/>
      <c r="J25" s="280"/>
      <c r="O25" s="256"/>
      <c r="P25" s="256"/>
      <c r="Q25" s="256"/>
      <c r="R25" s="256"/>
      <c r="S25" s="256"/>
      <c r="T25" s="256"/>
      <c r="U25" s="256"/>
      <c r="V25" s="256"/>
      <c r="W25" s="256"/>
      <c r="X25" s="256"/>
    </row>
    <row r="26" spans="1:40" ht="89.45" customHeight="1">
      <c r="A26" s="252" t="s">
        <v>323</v>
      </c>
      <c r="B26" s="253"/>
      <c r="C26" s="254"/>
      <c r="D26" s="254"/>
      <c r="E26" s="254"/>
      <c r="F26" s="254"/>
      <c r="G26" s="254"/>
      <c r="H26" s="254"/>
      <c r="I26" s="254"/>
      <c r="J26" s="255"/>
      <c r="O26" s="256"/>
      <c r="P26" s="256"/>
      <c r="Q26" s="256"/>
      <c r="R26" s="256"/>
      <c r="S26" s="256"/>
      <c r="T26" s="256"/>
      <c r="U26" s="256"/>
      <c r="V26" s="256"/>
      <c r="W26" s="256"/>
      <c r="X26" s="256"/>
    </row>
    <row r="27" spans="1:40" ht="90" customHeight="1">
      <c r="A27" s="252" t="s">
        <v>324</v>
      </c>
      <c r="B27" s="253"/>
      <c r="C27" s="254"/>
      <c r="D27" s="254"/>
      <c r="E27" s="254"/>
      <c r="F27" s="254"/>
      <c r="G27" s="254"/>
      <c r="H27" s="254"/>
      <c r="I27" s="254"/>
      <c r="J27" s="255"/>
      <c r="O27" s="256"/>
      <c r="P27" s="256"/>
      <c r="Q27" s="256"/>
      <c r="R27" s="256"/>
      <c r="S27" s="256"/>
      <c r="T27" s="256"/>
      <c r="U27" s="256"/>
      <c r="V27" s="256"/>
      <c r="W27" s="256"/>
      <c r="X27" s="256"/>
    </row>
    <row r="28" spans="1:40" ht="72.599999999999994" customHeight="1">
      <c r="A28" s="252" t="s">
        <v>325</v>
      </c>
      <c r="B28" s="253"/>
      <c r="C28" s="254"/>
      <c r="D28" s="254"/>
      <c r="E28" s="254"/>
      <c r="F28" s="254"/>
      <c r="G28" s="254"/>
      <c r="H28" s="254"/>
      <c r="I28" s="254"/>
      <c r="J28" s="255"/>
      <c r="O28" s="256"/>
      <c r="P28" s="256"/>
      <c r="Q28" s="256"/>
      <c r="R28" s="256"/>
      <c r="S28" s="256"/>
      <c r="T28" s="256"/>
      <c r="U28" s="256"/>
      <c r="V28" s="256"/>
      <c r="W28" s="256"/>
      <c r="X28" s="256"/>
      <c r="AE28" s="256"/>
      <c r="AF28" s="256"/>
      <c r="AG28" s="256"/>
      <c r="AH28" s="256"/>
      <c r="AI28" s="256"/>
      <c r="AJ28" s="256"/>
      <c r="AK28" s="256"/>
      <c r="AL28" s="256"/>
      <c r="AM28" s="256"/>
      <c r="AN28" s="256"/>
    </row>
    <row r="29" spans="1:40" ht="136.5" customHeight="1">
      <c r="A29" s="252" t="s">
        <v>326</v>
      </c>
      <c r="B29" s="253"/>
      <c r="C29" s="254"/>
      <c r="D29" s="254"/>
      <c r="E29" s="254"/>
      <c r="F29" s="254"/>
      <c r="G29" s="286"/>
      <c r="H29" s="286"/>
      <c r="I29" s="286"/>
      <c r="J29" s="287"/>
      <c r="AE29" s="256"/>
      <c r="AF29" s="256"/>
      <c r="AG29" s="256"/>
      <c r="AH29" s="256"/>
      <c r="AI29" s="256"/>
      <c r="AJ29" s="256"/>
      <c r="AK29" s="256"/>
      <c r="AL29" s="256"/>
      <c r="AM29" s="256"/>
      <c r="AN29" s="256"/>
    </row>
    <row r="30" spans="1:40" ht="20.100000000000001" customHeight="1">
      <c r="A30" s="7"/>
      <c r="C30" s="8"/>
      <c r="D30" s="8"/>
      <c r="E30" s="8"/>
      <c r="F30" s="8"/>
      <c r="J30" s="4"/>
      <c r="O30" s="256"/>
      <c r="P30" s="256"/>
      <c r="Q30" s="256"/>
      <c r="R30" s="256"/>
      <c r="S30" s="256"/>
      <c r="T30" s="256"/>
      <c r="U30" s="256"/>
      <c r="V30" s="256"/>
      <c r="W30" s="256"/>
      <c r="X30" s="256"/>
    </row>
    <row r="31" spans="1:40" ht="52.5" customHeight="1">
      <c r="A31" s="288" t="s">
        <v>308</v>
      </c>
      <c r="B31" s="289"/>
      <c r="C31" s="289"/>
      <c r="D31" s="289"/>
      <c r="E31" s="289"/>
      <c r="F31" s="289"/>
      <c r="G31" s="289"/>
      <c r="H31" s="289"/>
      <c r="I31" s="289"/>
      <c r="J31" s="290"/>
      <c r="O31" s="256"/>
      <c r="P31" s="256"/>
      <c r="Q31" s="256"/>
      <c r="R31" s="256"/>
      <c r="S31" s="256"/>
      <c r="T31" s="256"/>
      <c r="U31" s="256"/>
      <c r="V31" s="256"/>
      <c r="W31" s="256"/>
      <c r="X31" s="256"/>
      <c r="AE31" s="256"/>
      <c r="AF31" s="256"/>
      <c r="AG31" s="256"/>
      <c r="AH31" s="256"/>
      <c r="AI31" s="256"/>
      <c r="AJ31" s="256"/>
      <c r="AK31" s="256"/>
      <c r="AL31" s="256"/>
      <c r="AM31" s="256"/>
      <c r="AN31" s="256"/>
    </row>
    <row r="32" spans="1:40" ht="123" customHeight="1" thickBot="1">
      <c r="A32" s="291"/>
      <c r="B32" s="292"/>
      <c r="C32" s="292"/>
      <c r="D32" s="292"/>
      <c r="E32" s="292"/>
      <c r="F32" s="292"/>
      <c r="G32" s="292"/>
      <c r="H32" s="292"/>
      <c r="I32" s="292"/>
      <c r="J32" s="293"/>
      <c r="O32" s="256"/>
      <c r="P32" s="256"/>
      <c r="Q32" s="256"/>
      <c r="R32" s="256"/>
      <c r="S32" s="256"/>
      <c r="T32" s="256"/>
      <c r="U32" s="256"/>
      <c r="V32" s="256"/>
      <c r="W32" s="256"/>
      <c r="X32" s="256"/>
      <c r="AE32" s="256"/>
      <c r="AF32" s="256"/>
      <c r="AG32" s="256"/>
      <c r="AH32" s="256"/>
      <c r="AI32" s="256"/>
      <c r="AJ32" s="256"/>
      <c r="AK32" s="256"/>
      <c r="AL32" s="256"/>
      <c r="AM32" s="256"/>
      <c r="AN32" s="256"/>
    </row>
    <row r="33" spans="31:40">
      <c r="AE33" s="256"/>
      <c r="AF33" s="256"/>
      <c r="AG33" s="256"/>
      <c r="AH33" s="256"/>
      <c r="AI33" s="256"/>
      <c r="AJ33" s="256"/>
      <c r="AK33" s="256"/>
      <c r="AL33" s="256"/>
      <c r="AM33" s="256"/>
      <c r="AN33" s="256"/>
    </row>
    <row r="34" spans="31:40">
      <c r="AE34" s="256"/>
      <c r="AF34" s="256"/>
      <c r="AG34" s="256"/>
      <c r="AH34" s="256"/>
      <c r="AI34" s="256"/>
      <c r="AJ34" s="256"/>
      <c r="AK34" s="256"/>
      <c r="AL34" s="256"/>
      <c r="AM34" s="256"/>
      <c r="AN34" s="256"/>
    </row>
    <row r="36" spans="31:40">
      <c r="AE36" s="256"/>
      <c r="AF36" s="256"/>
      <c r="AG36" s="256"/>
      <c r="AH36" s="256"/>
      <c r="AI36" s="256"/>
      <c r="AJ36" s="256"/>
      <c r="AK36" s="256"/>
      <c r="AL36" s="256"/>
      <c r="AM36" s="256"/>
      <c r="AN36" s="256"/>
    </row>
    <row r="37" spans="31:40">
      <c r="AE37" s="256"/>
      <c r="AF37" s="256"/>
      <c r="AG37" s="256"/>
      <c r="AH37" s="256"/>
      <c r="AI37" s="256"/>
      <c r="AJ37" s="256"/>
      <c r="AK37" s="256"/>
      <c r="AL37" s="256"/>
      <c r="AM37" s="256"/>
      <c r="AN37" s="256"/>
    </row>
    <row r="38" spans="31:40">
      <c r="AE38" s="256"/>
      <c r="AF38" s="256"/>
      <c r="AG38" s="256"/>
      <c r="AH38" s="256"/>
      <c r="AI38" s="256"/>
      <c r="AJ38" s="256"/>
      <c r="AK38" s="256"/>
      <c r="AL38" s="256"/>
      <c r="AM38" s="256"/>
      <c r="AN38" s="256"/>
    </row>
    <row r="39" spans="31:40">
      <c r="AE39" s="256"/>
      <c r="AF39" s="256"/>
      <c r="AG39" s="256"/>
      <c r="AH39" s="256"/>
      <c r="AI39" s="256"/>
      <c r="AJ39" s="256"/>
      <c r="AK39" s="256"/>
      <c r="AL39" s="256"/>
      <c r="AM39" s="256"/>
      <c r="AN39" s="256"/>
    </row>
    <row r="40" spans="31:40">
      <c r="AE40" s="256"/>
      <c r="AF40" s="256"/>
      <c r="AG40" s="256"/>
      <c r="AH40" s="256"/>
      <c r="AI40" s="256"/>
      <c r="AJ40" s="256"/>
      <c r="AK40" s="256"/>
      <c r="AL40" s="256"/>
      <c r="AM40" s="256"/>
      <c r="AN40" s="256"/>
    </row>
  </sheetData>
  <sheetProtection algorithmName="SHA-512" hashValue="h83wD+iLKX84CgEOreZUgTIYkb4ckqbv0RkQfrCFDgXvUUG1UbYmCn3hCnVH7z4rXYSCFnSXnIWz/GCIh5Ef4w==" saltValue="qdm8Zl54VIqDYlbAf+5gnw==" spinCount="100000" sheet="1" objects="1" scenarios="1" selectLockedCells="1"/>
  <mergeCells count="101">
    <mergeCell ref="AE31:AN31"/>
    <mergeCell ref="AE32:AF32"/>
    <mergeCell ref="AG32:AJ32"/>
    <mergeCell ref="AE33:AF33"/>
    <mergeCell ref="AG33:AJ33"/>
    <mergeCell ref="AK33:AN33"/>
    <mergeCell ref="AE34:AF34"/>
    <mergeCell ref="AG34:AJ34"/>
    <mergeCell ref="AK34:AN34"/>
    <mergeCell ref="AE36:AN36"/>
    <mergeCell ref="AE37:AF37"/>
    <mergeCell ref="AG37:AJ37"/>
    <mergeCell ref="AK37:AN37"/>
    <mergeCell ref="AE38:AF38"/>
    <mergeCell ref="AG38:AJ38"/>
    <mergeCell ref="AK38:AN38"/>
    <mergeCell ref="AE39:AF39"/>
    <mergeCell ref="AG39:AJ39"/>
    <mergeCell ref="AK39:AN39"/>
    <mergeCell ref="AE40:AF40"/>
    <mergeCell ref="AG40:AJ40"/>
    <mergeCell ref="AK40:AN40"/>
    <mergeCell ref="AK32:AN32"/>
    <mergeCell ref="A18:B18"/>
    <mergeCell ref="AE28:AN28"/>
    <mergeCell ref="AE29:AF29"/>
    <mergeCell ref="AG29:AJ29"/>
    <mergeCell ref="AK29:AN29"/>
    <mergeCell ref="C18:F18"/>
    <mergeCell ref="G18:J18"/>
    <mergeCell ref="A19:B19"/>
    <mergeCell ref="C19:F19"/>
    <mergeCell ref="G19:J19"/>
    <mergeCell ref="A31:J31"/>
    <mergeCell ref="A32:J32"/>
    <mergeCell ref="Q22:T22"/>
    <mergeCell ref="U22:X22"/>
    <mergeCell ref="O23:P23"/>
    <mergeCell ref="A29:B29"/>
    <mergeCell ref="C29:F29"/>
    <mergeCell ref="G29:J29"/>
    <mergeCell ref="A28:B28"/>
    <mergeCell ref="O31:P31"/>
    <mergeCell ref="A15:J15"/>
    <mergeCell ref="A16:B16"/>
    <mergeCell ref="C16:F16"/>
    <mergeCell ref="G16:J16"/>
    <mergeCell ref="A17:B17"/>
    <mergeCell ref="C17:F17"/>
    <mergeCell ref="G17:J17"/>
    <mergeCell ref="U23:X23"/>
    <mergeCell ref="O25:X25"/>
    <mergeCell ref="A20:B20"/>
    <mergeCell ref="C20:F20"/>
    <mergeCell ref="G20:J20"/>
    <mergeCell ref="O22:P22"/>
    <mergeCell ref="Q23:T23"/>
    <mergeCell ref="A25:B25"/>
    <mergeCell ref="C25:F25"/>
    <mergeCell ref="A21:B21"/>
    <mergeCell ref="C21:F21"/>
    <mergeCell ref="G21:J21"/>
    <mergeCell ref="A24:J24"/>
    <mergeCell ref="G25:J25"/>
    <mergeCell ref="A22:B22"/>
    <mergeCell ref="C22:F22"/>
    <mergeCell ref="G22:J22"/>
    <mergeCell ref="A1:J1"/>
    <mergeCell ref="A2:J2"/>
    <mergeCell ref="A4:J4"/>
    <mergeCell ref="A5:J5"/>
    <mergeCell ref="A7:J7"/>
    <mergeCell ref="A8:J8"/>
    <mergeCell ref="A9:J9"/>
    <mergeCell ref="A10:J10"/>
    <mergeCell ref="A12:J12"/>
    <mergeCell ref="Q31:T31"/>
    <mergeCell ref="U31:X31"/>
    <mergeCell ref="O32:P32"/>
    <mergeCell ref="Q32:T32"/>
    <mergeCell ref="U32:X32"/>
    <mergeCell ref="O30:P30"/>
    <mergeCell ref="Q30:T30"/>
    <mergeCell ref="U30:X30"/>
    <mergeCell ref="Q26:T26"/>
    <mergeCell ref="A26:B26"/>
    <mergeCell ref="C26:F26"/>
    <mergeCell ref="G26:J26"/>
    <mergeCell ref="A27:B27"/>
    <mergeCell ref="C27:F27"/>
    <mergeCell ref="G27:J27"/>
    <mergeCell ref="C28:F28"/>
    <mergeCell ref="G28:J28"/>
    <mergeCell ref="U28:X28"/>
    <mergeCell ref="O26:P26"/>
    <mergeCell ref="U26:X26"/>
    <mergeCell ref="U27:X27"/>
    <mergeCell ref="O28:P28"/>
    <mergeCell ref="Q28:T28"/>
    <mergeCell ref="Q27:T27"/>
    <mergeCell ref="O27:P27"/>
  </mergeCells>
  <dataValidations disablePrompts="1" count="2">
    <dataValidation type="textLength" operator="lessThan" allowBlank="1" showInputMessage="1" showErrorMessage="1" sqref="G17:J24 G26:J29" xr:uid="{00000000-0002-0000-0200-000000000000}">
      <formula1>151</formula1>
    </dataValidation>
    <dataValidation type="textLength" operator="lessThan" allowBlank="1" showInputMessage="1" showErrorMessage="1" sqref="A32:J32" xr:uid="{00000000-0002-0000-0200-000001000000}">
      <formula1>501</formula1>
    </dataValidation>
  </dataValidations>
  <pageMargins left="0.7" right="0.7" top="0.75" bottom="0.75" header="0.3" footer="0.3"/>
  <pageSetup paperSize="9" orientation="portrait" horizontalDpi="4294967292" verticalDpi="120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M24"/>
  <sheetViews>
    <sheetView showGridLines="0" workbookViewId="0">
      <selection activeCell="B18" sqref="A17:K18"/>
    </sheetView>
  </sheetViews>
  <sheetFormatPr defaultColWidth="8.85546875" defaultRowHeight="15"/>
  <cols>
    <col min="1" max="1" width="46.42578125" bestFit="1" customWidth="1"/>
  </cols>
  <sheetData>
    <row r="1" spans="1:13">
      <c r="A1" s="158" t="s">
        <v>327</v>
      </c>
      <c r="B1" s="297"/>
      <c r="C1" s="297"/>
      <c r="D1" s="297"/>
      <c r="E1" s="297"/>
      <c r="F1" s="297"/>
      <c r="G1" s="297"/>
      <c r="H1" s="297"/>
      <c r="I1" s="297"/>
      <c r="J1" s="297"/>
      <c r="K1" s="298"/>
      <c r="L1" s="19"/>
      <c r="M1" s="19"/>
    </row>
    <row r="2" spans="1:13">
      <c r="A2" s="299"/>
      <c r="B2" s="300"/>
      <c r="C2" s="300"/>
      <c r="D2" s="300"/>
      <c r="E2" s="300"/>
      <c r="F2" s="300"/>
      <c r="G2" s="300"/>
      <c r="H2" s="300"/>
      <c r="I2" s="300"/>
      <c r="J2" s="300"/>
      <c r="K2" s="301"/>
      <c r="L2" s="19"/>
      <c r="M2" s="19"/>
    </row>
    <row r="3" spans="1:13" ht="26.25" customHeight="1">
      <c r="A3" s="302" t="s">
        <v>328</v>
      </c>
      <c r="B3" s="303"/>
      <c r="C3" s="303"/>
      <c r="D3" s="303"/>
      <c r="E3" s="303"/>
      <c r="F3" s="303"/>
      <c r="G3" s="303"/>
      <c r="H3" s="303"/>
      <c r="I3" s="303"/>
      <c r="J3" s="303"/>
      <c r="K3" s="304"/>
      <c r="L3" s="19"/>
      <c r="M3" s="19"/>
    </row>
    <row r="4" spans="1:13" ht="15.75" thickBot="1">
      <c r="A4" s="305" t="s">
        <v>329</v>
      </c>
      <c r="B4" s="306"/>
      <c r="C4" s="306"/>
      <c r="D4" s="306"/>
      <c r="E4" s="306"/>
      <c r="F4" s="306"/>
      <c r="G4" s="306"/>
      <c r="H4" s="306"/>
      <c r="I4" s="306"/>
      <c r="J4" s="306"/>
      <c r="K4" s="307"/>
      <c r="L4" s="19"/>
      <c r="M4" s="19"/>
    </row>
    <row r="5" spans="1:13" ht="18.75" customHeight="1">
      <c r="A5" s="85" t="s">
        <v>330</v>
      </c>
      <c r="B5" s="124"/>
      <c r="C5" s="124"/>
      <c r="D5" s="124"/>
      <c r="E5" s="124"/>
      <c r="F5" s="124"/>
      <c r="G5" s="124"/>
      <c r="H5" s="124"/>
      <c r="I5" s="124"/>
      <c r="J5" s="124"/>
      <c r="K5" s="125"/>
      <c r="L5" s="19"/>
      <c r="M5" s="19"/>
    </row>
    <row r="6" spans="1:13">
      <c r="A6" s="126" t="s">
        <v>331</v>
      </c>
      <c r="B6" s="313"/>
      <c r="C6" s="314"/>
      <c r="D6" s="314"/>
      <c r="E6" s="314"/>
      <c r="F6" s="314"/>
      <c r="G6" s="314"/>
      <c r="H6" s="314"/>
      <c r="I6" s="314"/>
      <c r="J6" s="314"/>
      <c r="K6" s="315"/>
      <c r="L6" s="19"/>
      <c r="M6" s="19"/>
    </row>
    <row r="7" spans="1:13">
      <c r="A7" s="126" t="s">
        <v>332</v>
      </c>
      <c r="B7" s="308"/>
      <c r="C7" s="308"/>
      <c r="D7" s="308"/>
      <c r="E7" s="308"/>
      <c r="F7" s="308"/>
      <c r="G7" s="308"/>
      <c r="H7" s="308"/>
      <c r="I7" s="308"/>
      <c r="J7" s="308"/>
      <c r="K7" s="309"/>
      <c r="L7" s="19"/>
      <c r="M7" s="19"/>
    </row>
    <row r="8" spans="1:13">
      <c r="A8" s="127"/>
      <c r="B8" s="19"/>
      <c r="C8" s="19"/>
      <c r="D8" s="19"/>
      <c r="E8" s="19"/>
      <c r="F8" s="19"/>
      <c r="G8" s="19"/>
      <c r="H8" s="19"/>
      <c r="I8" s="19"/>
      <c r="J8" s="19"/>
      <c r="K8" s="128"/>
      <c r="L8" s="19"/>
      <c r="M8" s="19"/>
    </row>
    <row r="9" spans="1:13">
      <c r="A9" s="129" t="s">
        <v>333</v>
      </c>
      <c r="B9" s="313"/>
      <c r="C9" s="314"/>
      <c r="D9" s="314"/>
      <c r="E9" s="314"/>
      <c r="F9" s="314"/>
      <c r="G9" s="314"/>
      <c r="H9" s="314"/>
      <c r="I9" s="314"/>
      <c r="J9" s="314"/>
      <c r="K9" s="315"/>
      <c r="L9" s="19"/>
      <c r="M9" s="19"/>
    </row>
    <row r="10" spans="1:13">
      <c r="A10" s="126" t="s">
        <v>547</v>
      </c>
      <c r="B10" s="310"/>
      <c r="C10" s="311"/>
      <c r="D10" s="311"/>
      <c r="E10" s="311"/>
      <c r="F10" s="311"/>
      <c r="G10" s="311"/>
      <c r="H10" s="311"/>
      <c r="I10" s="311"/>
      <c r="J10" s="311"/>
      <c r="K10" s="312"/>
      <c r="L10" s="19"/>
      <c r="M10" s="19"/>
    </row>
    <row r="11" spans="1:13">
      <c r="A11" s="127"/>
      <c r="B11" s="19"/>
      <c r="C11" s="19"/>
      <c r="D11" s="19"/>
      <c r="E11" s="19"/>
      <c r="F11" s="19"/>
      <c r="G11" s="19"/>
      <c r="H11" s="19"/>
      <c r="I11" s="19"/>
      <c r="J11" s="19"/>
      <c r="K11" s="128"/>
      <c r="L11" s="19"/>
      <c r="M11" s="19"/>
    </row>
    <row r="12" spans="1:13">
      <c r="A12" s="126" t="s">
        <v>334</v>
      </c>
      <c r="B12" s="313"/>
      <c r="C12" s="314"/>
      <c r="D12" s="314"/>
      <c r="E12" s="314"/>
      <c r="F12" s="314"/>
      <c r="G12" s="314"/>
      <c r="H12" s="314"/>
      <c r="I12" s="314"/>
      <c r="J12" s="314"/>
      <c r="K12" s="315"/>
      <c r="L12" s="19"/>
      <c r="M12" s="19"/>
    </row>
    <row r="13" spans="1:13">
      <c r="A13" s="126" t="s">
        <v>335</v>
      </c>
      <c r="B13" s="310"/>
      <c r="C13" s="311"/>
      <c r="D13" s="311"/>
      <c r="E13" s="311"/>
      <c r="F13" s="311"/>
      <c r="G13" s="311"/>
      <c r="H13" s="311"/>
      <c r="I13" s="311"/>
      <c r="J13" s="311"/>
      <c r="K13" s="312"/>
      <c r="L13" s="19"/>
      <c r="M13" s="19"/>
    </row>
    <row r="14" spans="1:13">
      <c r="A14" s="127"/>
      <c r="B14" s="19"/>
      <c r="C14" s="19"/>
      <c r="D14" s="19"/>
      <c r="E14" s="19"/>
      <c r="F14" s="19"/>
      <c r="G14" s="19"/>
      <c r="H14" s="19"/>
      <c r="I14" s="19"/>
      <c r="J14" s="19"/>
      <c r="K14" s="128"/>
      <c r="L14" s="19"/>
      <c r="M14" s="19"/>
    </row>
    <row r="15" spans="1:13" ht="28.5" customHeight="1">
      <c r="A15" s="130" t="s">
        <v>340</v>
      </c>
      <c r="B15" s="294"/>
      <c r="C15" s="295"/>
      <c r="D15" s="295"/>
      <c r="E15" s="295"/>
      <c r="F15" s="295"/>
      <c r="G15" s="295"/>
      <c r="H15" s="295"/>
      <c r="I15" s="295"/>
      <c r="J15" s="295"/>
      <c r="K15" s="296"/>
      <c r="L15" s="19"/>
      <c r="M15" s="19"/>
    </row>
    <row r="16" spans="1:13" ht="15.75" thickBot="1">
      <c r="A16" s="131"/>
      <c r="B16" s="132"/>
      <c r="C16" s="132"/>
      <c r="D16" s="132"/>
      <c r="E16" s="132"/>
      <c r="F16" s="132"/>
      <c r="G16" s="132"/>
      <c r="H16" s="132"/>
      <c r="I16" s="132"/>
      <c r="J16" s="132"/>
      <c r="K16" s="133"/>
      <c r="L16" s="19"/>
      <c r="M16" s="19"/>
    </row>
    <row r="17" spans="1:13" ht="18" customHeight="1">
      <c r="L17" s="19"/>
      <c r="M17" s="19"/>
    </row>
    <row r="18" spans="1:13" ht="57.75" customHeight="1">
      <c r="L18" s="19"/>
      <c r="M18" s="19"/>
    </row>
    <row r="19" spans="1:13">
      <c r="A19" s="19"/>
      <c r="B19" s="19"/>
      <c r="C19" s="19"/>
      <c r="D19" s="19"/>
      <c r="E19" s="19"/>
      <c r="F19" s="19"/>
      <c r="G19" s="19"/>
      <c r="H19" s="19"/>
      <c r="I19" s="19"/>
      <c r="J19" s="19"/>
      <c r="K19" s="19"/>
      <c r="L19" s="19"/>
      <c r="M19" s="19"/>
    </row>
    <row r="20" spans="1:13">
      <c r="A20" s="19"/>
      <c r="B20" s="19"/>
      <c r="C20" s="19"/>
      <c r="D20" s="19"/>
      <c r="E20" s="19"/>
      <c r="F20" s="19"/>
      <c r="G20" s="19"/>
      <c r="H20" s="19"/>
      <c r="I20" s="19"/>
      <c r="J20" s="19"/>
      <c r="K20" s="19"/>
      <c r="L20" s="19"/>
      <c r="M20" s="19"/>
    </row>
    <row r="21" spans="1:13">
      <c r="A21" s="19"/>
      <c r="B21" s="19"/>
      <c r="C21" s="19"/>
      <c r="D21" s="19"/>
      <c r="E21" s="19"/>
      <c r="F21" s="19"/>
      <c r="G21" s="19"/>
      <c r="H21" s="19"/>
      <c r="I21" s="19"/>
      <c r="J21" s="19"/>
      <c r="K21" s="19"/>
      <c r="L21" s="19"/>
      <c r="M21" s="19"/>
    </row>
    <row r="22" spans="1:13">
      <c r="A22" s="19"/>
      <c r="B22" s="19"/>
      <c r="C22" s="19"/>
      <c r="D22" s="19"/>
      <c r="E22" s="19"/>
      <c r="F22" s="19"/>
      <c r="G22" s="19"/>
      <c r="H22" s="19"/>
      <c r="I22" s="19"/>
      <c r="J22" s="19"/>
      <c r="K22" s="19"/>
      <c r="L22" s="19"/>
      <c r="M22" s="19"/>
    </row>
    <row r="23" spans="1:13">
      <c r="A23" s="19"/>
      <c r="B23" s="19"/>
      <c r="C23" s="19"/>
      <c r="D23" s="19"/>
      <c r="E23" s="19"/>
      <c r="F23" s="19"/>
      <c r="G23" s="19"/>
      <c r="H23" s="19"/>
      <c r="I23" s="19"/>
      <c r="J23" s="19"/>
      <c r="K23" s="19"/>
      <c r="L23" s="19"/>
      <c r="M23" s="19"/>
    </row>
    <row r="24" spans="1:13">
      <c r="A24" s="19"/>
      <c r="B24" s="19"/>
      <c r="C24" s="19"/>
      <c r="D24" s="19"/>
      <c r="E24" s="19"/>
      <c r="F24" s="19"/>
      <c r="G24" s="19"/>
      <c r="H24" s="19"/>
      <c r="I24" s="19"/>
      <c r="J24" s="19"/>
      <c r="K24" s="19"/>
      <c r="L24" s="19"/>
      <c r="M24" s="19"/>
    </row>
  </sheetData>
  <sheetProtection algorithmName="SHA-512" hashValue="EV2E86gQnTupkJZI3Jb1ZC4MRhbxyyjrnlsTrrB3nkijyUpVt1+BxaQiPx+ajpw/4HK+KUOxglNoXJrnPOrh2w==" saltValue="HjcZnF8hfPmZSa7V+S1E0w==" spinCount="100000" sheet="1" objects="1" scenarios="1"/>
  <mergeCells count="10">
    <mergeCell ref="B15:K15"/>
    <mergeCell ref="A1:K2"/>
    <mergeCell ref="A3:K3"/>
    <mergeCell ref="A4:K4"/>
    <mergeCell ref="B7:K7"/>
    <mergeCell ref="B10:K10"/>
    <mergeCell ref="B13:K13"/>
    <mergeCell ref="B9:K9"/>
    <mergeCell ref="B6:K6"/>
    <mergeCell ref="B12:K12"/>
  </mergeCells>
  <dataValidations count="3">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140625" defaultRowHeight="15"/>
  <cols>
    <col min="2" max="2" width="53.42578125" bestFit="1" customWidth="1"/>
  </cols>
  <sheetData>
    <row r="1" spans="1:4">
      <c r="B1" s="5" t="s">
        <v>299</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10</v>
      </c>
    </row>
    <row r="19" spans="1:10">
      <c r="A19">
        <f>IF(ISNUMBER(FIND(#REF!,B19:B267)),MAX(A$1:$A18)+1,0)</f>
        <v>0</v>
      </c>
      <c r="B19" t="s">
        <v>20</v>
      </c>
      <c r="D19" t="str">
        <f>IFERROR(VLOOKUP(ROWS($D$2:D19),$A$2:$B$250,2,0),"")</f>
        <v/>
      </c>
      <c r="J19" t="s">
        <v>311</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3Inorz6nXRZg6nYJKo5R3/cCHl9ibcqBCBNy3B+F4yK/GPbDT2+Q2zUdKtCoYAMR29hsUmwk+lu/7Xaa+osaAA==" saltValue="LtiAX3Ki1g7R3/Rxori9sw=="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activity xmlns="8b46e3c4-cd3c-4dc8-809c-025a1a7f6653"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CFA06687DCA38642AE1B1305C15292D6" ma:contentTypeVersion="13" ma:contentTypeDescription="Opret et nyt dokument." ma:contentTypeScope="" ma:versionID="38fbe096f476f10ca13876f196bc6260">
  <xsd:schema xmlns:xsd="http://www.w3.org/2001/XMLSchema" xmlns:xs="http://www.w3.org/2001/XMLSchema" xmlns:p="http://schemas.microsoft.com/office/2006/metadata/properties" xmlns:ns3="8b46e3c4-cd3c-4dc8-809c-025a1a7f6653" xmlns:ns4="f61719b5-6ab0-4fb5-be56-fbc621fc481d" targetNamespace="http://schemas.microsoft.com/office/2006/metadata/properties" ma:root="true" ma:fieldsID="0e3656db75f452b969737a336c0694aa" ns3:_="" ns4:_="">
    <xsd:import namespace="8b46e3c4-cd3c-4dc8-809c-025a1a7f6653"/>
    <xsd:import namespace="f61719b5-6ab0-4fb5-be56-fbc621fc481d"/>
    <xsd:element name="properties">
      <xsd:complexType>
        <xsd:sequence>
          <xsd:element name="documentManagement">
            <xsd:complexType>
              <xsd:all>
                <xsd:element ref="ns3:MediaServiceMetadata" minOccurs="0"/>
                <xsd:element ref="ns3:MediaServiceFastMetadata" minOccurs="0"/>
                <xsd:element ref="ns3:MediaServiceObjectDetectorVersions" minOccurs="0"/>
                <xsd:element ref="ns3:_activity" minOccurs="0"/>
                <xsd:element ref="ns4:SharedWithUsers" minOccurs="0"/>
                <xsd:element ref="ns4:SharedWithDetails" minOccurs="0"/>
                <xsd:element ref="ns4:SharingHintHash" minOccurs="0"/>
                <xsd:element ref="ns3:MediaServiceSystemTags" minOccurs="0"/>
                <xsd:element ref="ns3:MediaServiceGenerationTime" minOccurs="0"/>
                <xsd:element ref="ns3:MediaServiceEventHashCode" minOccurs="0"/>
                <xsd:element ref="ns3:MediaServiceSearchProperties" minOccurs="0"/>
                <xsd:element ref="ns3:MediaServiceDateTaken"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b46e3c4-cd3c-4dc8-809c-025a1a7f665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_activity" ma:index="11" nillable="true" ma:displayName="_activity" ma:hidden="true" ma:internalName="_activity">
      <xsd:simpleType>
        <xsd:restriction base="dms:Note"/>
      </xsd:simpleType>
    </xsd:element>
    <xsd:element name="MediaServiceSystemTags" ma:index="15" nillable="true" ma:displayName="MediaServiceSystemTags" ma:hidden="true" ma:internalName="MediaServiceSystemTags" ma:readOnly="true">
      <xsd:simpleType>
        <xsd:restriction base="dms:Note"/>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element name="MediaServiceDateTaken" ma:index="19" nillable="true" ma:displayName="MediaServiceDateTaken" ma:hidden="true" ma:indexed="true" ma:internalName="MediaServiceDateTaken" ma:readOnly="true">
      <xsd:simpleType>
        <xsd:restriction base="dms:Text"/>
      </xsd:simpleType>
    </xsd:element>
    <xsd:element name="MediaLengthInSeconds" ma:index="20"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61719b5-6ab0-4fb5-be56-fbc621fc481d" elementFormDefault="qualified">
    <xsd:import namespace="http://schemas.microsoft.com/office/2006/documentManagement/types"/>
    <xsd:import namespace="http://schemas.microsoft.com/office/infopath/2007/PartnerControls"/>
    <xsd:element name="SharedWithUsers" ma:index="12" nillable="true" ma:displayName="Del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Delt med detaljer" ma:internalName="SharedWithDetails" ma:readOnly="true">
      <xsd:simpleType>
        <xsd:restriction base="dms:Note">
          <xsd:maxLength value="255"/>
        </xsd:restriction>
      </xsd:simpleType>
    </xsd:element>
    <xsd:element name="SharingHintHash" ma:index="14" nillable="true" ma:displayName="Hashværdi for deling"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http://purl.org/dc/elements/1.1/"/>
    <ds:schemaRef ds:uri="http://purl.org/dc/dcmitype/"/>
    <ds:schemaRef ds:uri="http://www.w3.org/XML/1998/namespace"/>
    <ds:schemaRef ds:uri="http://schemas.microsoft.com/office/infopath/2007/PartnerControls"/>
    <ds:schemaRef ds:uri="http://schemas.microsoft.com/office/2006/documentManagement/types"/>
    <ds:schemaRef ds:uri="8b46e3c4-cd3c-4dc8-809c-025a1a7f6653"/>
    <ds:schemaRef ds:uri="http://schemas.openxmlformats.org/package/2006/metadata/core-properties"/>
    <ds:schemaRef ds:uri="f61719b5-6ab0-4fb5-be56-fbc621fc481d"/>
    <ds:schemaRef ds:uri="http://schemas.microsoft.com/office/2006/metadata/properties"/>
    <ds:schemaRef ds:uri="http://purl.org/dc/terms/"/>
  </ds:schemaRefs>
</ds:datastoreItem>
</file>

<file path=customXml/itemProps2.xml><?xml version="1.0" encoding="utf-8"?>
<ds:datastoreItem xmlns:ds="http://schemas.openxmlformats.org/officeDocument/2006/customXml" ds:itemID="{3E1D0E4D-C2CB-4414-8CA6-2BA2B8584B6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46e3c4-cd3c-4dc8-809c-025a1a7f6653"/>
    <ds:schemaRef ds:uri="f61719b5-6ab0-4fb5-be56-fbc621fc481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GPA</vt:lpstr>
      <vt:lpstr>Pre-requisites</vt:lpstr>
      <vt:lpstr>Other program specific courses</vt:lpstr>
      <vt:lpstr>Other relevant information</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Maria da Costa Monteiro</cp:lastModifiedBy>
  <cp:lastPrinted>2019-07-02T13:34:35Z</cp:lastPrinted>
  <dcterms:created xsi:type="dcterms:W3CDTF">2015-12-03T12:08:42Z</dcterms:created>
  <dcterms:modified xsi:type="dcterms:W3CDTF">2026-02-23T13:48: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FA06687DCA38642AE1B1305C15292D6</vt:lpwstr>
  </property>
</Properties>
</file>